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1029"/>
  <workbookPr/>
  <mc:AlternateContent xmlns:mc="http://schemas.openxmlformats.org/markup-compatibility/2006">
    <mc:Choice Requires="x15">
      <x15ac:absPath xmlns:x15ac="http://schemas.microsoft.com/office/spreadsheetml/2010/11/ac" url="C:\Users\i3005611\Intertrust Group B.V\Investor Relations - Buy side\SBB\SBB 2021\Weekly overview\"/>
    </mc:Choice>
  </mc:AlternateContent>
  <xr:revisionPtr revIDLastSave="3" documentId="13_ncr:1_{D762018F-38F7-41C5-A97F-D1DA3750972A}" xr6:coauthVersionLast="40" xr6:coauthVersionMax="46" xr10:uidLastSave="{FA46A3AE-5DEB-48E6-A766-A6E9D28E8100}"/>
  <bookViews>
    <workbookView xWindow="7040" yWindow="-19710" windowWidth="28130" windowHeight="18230" xr2:uid="{00000000-000D-0000-FFFF-FFFF00000000}"/>
  </bookViews>
  <sheets>
    <sheet name="Weekly Summary" sheetId="3" r:id="rId1"/>
    <sheet name="Daily Summary" sheetId="1" r:id="rId2"/>
    <sheet name="1 Nov - 5 Nov 2021" sheetId="8" r:id="rId3"/>
    <sheet name="25 Oct - 29 Oct 2021" sheetId="7" r:id="rId4"/>
    <sheet name="18 Oct - 22 Oct 2021" sheetId="6" r:id="rId5"/>
    <sheet name="11 Oct - 15 Oct 2021" sheetId="5" r:id="rId6"/>
    <sheet name="4 Oct - 8 Oct 2021" sheetId="4" r:id="rId7"/>
    <sheet name="28 Sep - 1 Oct 2021" sheetId="2" r:id="rId8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G17" i="3" l="1"/>
  <c r="E17" i="3"/>
  <c r="F17" i="3" s="1"/>
  <c r="C306" i="1"/>
  <c r="E22" i="1"/>
  <c r="E23" i="1"/>
  <c r="E24" i="1"/>
  <c r="E25" i="1"/>
  <c r="E26" i="1"/>
  <c r="E27" i="1"/>
  <c r="E28" i="1"/>
  <c r="E29" i="1"/>
  <c r="E30" i="1"/>
  <c r="E31" i="1"/>
  <c r="E32" i="1"/>
  <c r="E33" i="1"/>
  <c r="E34" i="1"/>
  <c r="E35" i="1"/>
  <c r="E36" i="1"/>
  <c r="E37" i="1"/>
  <c r="E38" i="1"/>
  <c r="E39" i="1"/>
  <c r="E40" i="1"/>
  <c r="E41" i="1"/>
  <c r="E42" i="1"/>
  <c r="E43" i="1"/>
  <c r="E44" i="1"/>
  <c r="E45" i="1"/>
  <c r="E46" i="1"/>
  <c r="E47" i="1"/>
  <c r="E48" i="1"/>
  <c r="E49" i="1"/>
  <c r="E50" i="1"/>
  <c r="E51" i="1"/>
  <c r="E52" i="1"/>
  <c r="E53" i="1"/>
  <c r="E54" i="1"/>
  <c r="E55" i="1"/>
  <c r="E56" i="1"/>
  <c r="E57" i="1"/>
  <c r="E58" i="1"/>
  <c r="E59" i="1"/>
  <c r="E60" i="1"/>
  <c r="E61" i="1"/>
  <c r="E62" i="1"/>
  <c r="E63" i="1"/>
  <c r="E64" i="1"/>
  <c r="E65" i="1"/>
  <c r="E66" i="1"/>
  <c r="E67" i="1"/>
  <c r="E68" i="1"/>
  <c r="E69" i="1"/>
  <c r="E70" i="1"/>
  <c r="E71" i="1"/>
  <c r="E72" i="1"/>
  <c r="E73" i="1"/>
  <c r="E74" i="1"/>
  <c r="E75" i="1"/>
  <c r="E76" i="1"/>
  <c r="E77" i="1"/>
  <c r="E78" i="1"/>
  <c r="E79" i="1"/>
  <c r="E80" i="1"/>
  <c r="E81" i="1"/>
  <c r="E82" i="1"/>
  <c r="E83" i="1"/>
  <c r="E84" i="1"/>
  <c r="E85" i="1"/>
  <c r="E86" i="1"/>
  <c r="E87" i="1"/>
  <c r="E88" i="1"/>
  <c r="E89" i="1"/>
  <c r="E90" i="1"/>
  <c r="E91" i="1"/>
  <c r="E92" i="1"/>
  <c r="E93" i="1"/>
  <c r="E94" i="1"/>
  <c r="E95" i="1"/>
  <c r="E96" i="1"/>
  <c r="E97" i="1"/>
  <c r="E98" i="1"/>
  <c r="E99" i="1"/>
  <c r="E100" i="1"/>
  <c r="E101" i="1"/>
  <c r="E102" i="1"/>
  <c r="E103" i="1"/>
  <c r="E104" i="1"/>
  <c r="E105" i="1"/>
  <c r="E106" i="1"/>
  <c r="E107" i="1"/>
  <c r="E108" i="1"/>
  <c r="E109" i="1"/>
  <c r="E110" i="1"/>
  <c r="E111" i="1"/>
  <c r="E112" i="1"/>
  <c r="E113" i="1"/>
  <c r="E114" i="1"/>
  <c r="E115" i="1"/>
  <c r="E116" i="1"/>
  <c r="E117" i="1"/>
  <c r="E118" i="1"/>
  <c r="E119" i="1"/>
  <c r="E120" i="1"/>
  <c r="E121" i="1"/>
  <c r="E122" i="1"/>
  <c r="E123" i="1"/>
  <c r="E124" i="1"/>
  <c r="E125" i="1"/>
  <c r="E126" i="1"/>
  <c r="E127" i="1"/>
  <c r="E128" i="1"/>
  <c r="E129" i="1"/>
  <c r="E130" i="1"/>
  <c r="E131" i="1"/>
  <c r="E132" i="1"/>
  <c r="E133" i="1"/>
  <c r="E134" i="1"/>
  <c r="E135" i="1"/>
  <c r="E136" i="1"/>
  <c r="E137" i="1"/>
  <c r="E138" i="1"/>
  <c r="E139" i="1"/>
  <c r="E140" i="1"/>
  <c r="E141" i="1"/>
  <c r="E142" i="1"/>
  <c r="E143" i="1"/>
  <c r="E144" i="1"/>
  <c r="E145" i="1"/>
  <c r="E146" i="1"/>
  <c r="E147" i="1"/>
  <c r="E148" i="1"/>
  <c r="E149" i="1"/>
  <c r="E150" i="1"/>
  <c r="E151" i="1"/>
  <c r="E152" i="1"/>
  <c r="E153" i="1"/>
  <c r="E154" i="1"/>
  <c r="E155" i="1"/>
  <c r="E156" i="1"/>
  <c r="E157" i="1"/>
  <c r="E158" i="1"/>
  <c r="E159" i="1"/>
  <c r="E160" i="1"/>
  <c r="E161" i="1"/>
  <c r="E162" i="1"/>
  <c r="E163" i="1"/>
  <c r="E164" i="1"/>
  <c r="E165" i="1"/>
  <c r="E166" i="1"/>
  <c r="E167" i="1"/>
  <c r="E168" i="1"/>
  <c r="E169" i="1"/>
  <c r="E170" i="1"/>
  <c r="E171" i="1"/>
  <c r="E172" i="1"/>
  <c r="E173" i="1"/>
  <c r="E174" i="1"/>
  <c r="E175" i="1"/>
  <c r="E176" i="1"/>
  <c r="E177" i="1"/>
  <c r="E178" i="1"/>
  <c r="E179" i="1"/>
  <c r="E180" i="1"/>
  <c r="E181" i="1"/>
  <c r="E182" i="1"/>
  <c r="E183" i="1"/>
  <c r="E184" i="1"/>
  <c r="E185" i="1"/>
  <c r="E186" i="1"/>
  <c r="E187" i="1"/>
  <c r="E188" i="1"/>
  <c r="E189" i="1"/>
  <c r="E190" i="1"/>
  <c r="E191" i="1"/>
  <c r="E192" i="1"/>
  <c r="E193" i="1"/>
  <c r="E194" i="1"/>
  <c r="E195" i="1"/>
  <c r="E196" i="1"/>
  <c r="E197" i="1"/>
  <c r="E198" i="1"/>
  <c r="E199" i="1"/>
  <c r="E200" i="1"/>
  <c r="E201" i="1"/>
  <c r="E202" i="1"/>
  <c r="E203" i="1"/>
  <c r="E204" i="1"/>
  <c r="E205" i="1"/>
  <c r="E206" i="1"/>
  <c r="E207" i="1"/>
  <c r="E208" i="1"/>
  <c r="E209" i="1"/>
  <c r="E210" i="1"/>
  <c r="E211" i="1"/>
  <c r="E212" i="1"/>
  <c r="E213" i="1"/>
  <c r="E214" i="1"/>
  <c r="E215" i="1"/>
  <c r="E216" i="1"/>
  <c r="E217" i="1"/>
  <c r="E218" i="1"/>
  <c r="E219" i="1"/>
  <c r="E220" i="1"/>
  <c r="E221" i="1"/>
  <c r="E222" i="1"/>
  <c r="E223" i="1"/>
  <c r="E224" i="1"/>
  <c r="E225" i="1"/>
  <c r="E226" i="1"/>
  <c r="E227" i="1"/>
  <c r="E228" i="1"/>
  <c r="E229" i="1"/>
  <c r="E230" i="1"/>
  <c r="E231" i="1"/>
  <c r="E232" i="1"/>
  <c r="E233" i="1"/>
  <c r="E234" i="1"/>
  <c r="E235" i="1"/>
  <c r="E236" i="1"/>
  <c r="E237" i="1"/>
  <c r="E238" i="1"/>
  <c r="E239" i="1"/>
  <c r="E240" i="1"/>
  <c r="E241" i="1"/>
  <c r="E242" i="1"/>
  <c r="E243" i="1"/>
  <c r="E244" i="1"/>
  <c r="E245" i="1"/>
  <c r="E246" i="1"/>
  <c r="E247" i="1"/>
  <c r="E248" i="1"/>
  <c r="E249" i="1"/>
  <c r="E250" i="1"/>
  <c r="E251" i="1"/>
  <c r="E252" i="1"/>
  <c r="E253" i="1"/>
  <c r="E254" i="1"/>
  <c r="E255" i="1"/>
  <c r="E256" i="1"/>
  <c r="E257" i="1"/>
  <c r="E258" i="1"/>
  <c r="E259" i="1"/>
  <c r="E260" i="1"/>
  <c r="E261" i="1"/>
  <c r="E262" i="1"/>
  <c r="E263" i="1"/>
  <c r="E264" i="1"/>
  <c r="E265" i="1"/>
  <c r="E266" i="1"/>
  <c r="E267" i="1"/>
  <c r="E268" i="1"/>
  <c r="E269" i="1"/>
  <c r="E270" i="1"/>
  <c r="E271" i="1"/>
  <c r="E272" i="1"/>
  <c r="E273" i="1"/>
  <c r="E274" i="1"/>
  <c r="E275" i="1"/>
  <c r="E276" i="1"/>
  <c r="E277" i="1"/>
  <c r="E278" i="1"/>
  <c r="E279" i="1"/>
  <c r="E280" i="1"/>
  <c r="E281" i="1"/>
  <c r="E282" i="1"/>
  <c r="E283" i="1"/>
  <c r="E284" i="1"/>
  <c r="E285" i="1"/>
  <c r="E286" i="1"/>
  <c r="E287" i="1"/>
  <c r="E288" i="1"/>
  <c r="E289" i="1"/>
  <c r="E290" i="1"/>
  <c r="E291" i="1"/>
  <c r="E292" i="1"/>
  <c r="E293" i="1"/>
  <c r="E294" i="1"/>
  <c r="E295" i="1"/>
  <c r="E296" i="1"/>
  <c r="E297" i="1"/>
  <c r="E298" i="1"/>
  <c r="E299" i="1"/>
  <c r="E300" i="1"/>
  <c r="E301" i="1"/>
  <c r="E302" i="1"/>
  <c r="E303" i="1"/>
  <c r="E304" i="1"/>
  <c r="E305" i="1"/>
  <c r="E16" i="3"/>
  <c r="G16" i="3"/>
  <c r="E12" i="3"/>
  <c r="E306" i="1" l="1"/>
  <c r="D306" i="1" s="1"/>
  <c r="F16" i="3"/>
  <c r="G15" i="3"/>
  <c r="F15" i="3" s="1"/>
  <c r="E15" i="3"/>
  <c r="F13" i="3"/>
  <c r="G14" i="3"/>
  <c r="F14" i="3" s="1"/>
  <c r="E14" i="3"/>
  <c r="E17" i="1" l="1"/>
  <c r="E18" i="1"/>
  <c r="E19" i="1"/>
  <c r="E20" i="1"/>
  <c r="E21" i="1"/>
  <c r="E13" i="3" l="1"/>
  <c r="C71" i="3"/>
  <c r="D70" i="3"/>
  <c r="C70" i="3"/>
  <c r="D69" i="3"/>
  <c r="C69" i="3"/>
  <c r="D68" i="3"/>
  <c r="D67" i="3"/>
  <c r="C68" i="3"/>
  <c r="C67" i="3"/>
  <c r="D66" i="3"/>
  <c r="C66" i="3"/>
  <c r="D65" i="3"/>
  <c r="C65" i="3"/>
  <c r="D64" i="3"/>
  <c r="C64" i="3"/>
  <c r="D63" i="3"/>
  <c r="C63" i="3"/>
  <c r="D62" i="3"/>
  <c r="C62" i="3"/>
  <c r="D61" i="3"/>
  <c r="C61" i="3"/>
  <c r="D60" i="3"/>
  <c r="C60" i="3"/>
  <c r="D59" i="3"/>
  <c r="C59" i="3"/>
  <c r="D58" i="3"/>
  <c r="C58" i="3"/>
  <c r="D57" i="3"/>
  <c r="C57" i="3"/>
  <c r="D56" i="3"/>
  <c r="C56" i="3"/>
  <c r="D55" i="3"/>
  <c r="C55" i="3"/>
  <c r="D54" i="3"/>
  <c r="C54" i="3"/>
  <c r="D53" i="3"/>
  <c r="C53" i="3"/>
  <c r="D52" i="3"/>
  <c r="C52" i="3"/>
  <c r="D51" i="3"/>
  <c r="C51" i="3"/>
  <c r="D50" i="3"/>
  <c r="C50" i="3"/>
  <c r="D49" i="3"/>
  <c r="C49" i="3"/>
  <c r="D48" i="3"/>
  <c r="C48" i="3"/>
  <c r="D47" i="3"/>
  <c r="C47" i="3"/>
  <c r="D46" i="3"/>
  <c r="C46" i="3"/>
  <c r="D45" i="3"/>
  <c r="C45" i="3"/>
  <c r="D44" i="3"/>
  <c r="C44" i="3"/>
  <c r="D43" i="3"/>
  <c r="C43" i="3"/>
  <c r="D42" i="3"/>
  <c r="C42" i="3"/>
  <c r="D41" i="3"/>
  <c r="C41" i="3"/>
  <c r="D40" i="3"/>
  <c r="C40" i="3"/>
  <c r="D39" i="3"/>
  <c r="C39" i="3"/>
  <c r="D38" i="3"/>
  <c r="C38" i="3"/>
  <c r="D37" i="3"/>
  <c r="C37" i="3"/>
  <c r="D36" i="3"/>
  <c r="C36" i="3"/>
  <c r="D35" i="3"/>
  <c r="C35" i="3"/>
  <c r="D34" i="3"/>
  <c r="C34" i="3"/>
  <c r="D33" i="3"/>
  <c r="C33" i="3"/>
  <c r="D32" i="3"/>
  <c r="C32" i="3"/>
  <c r="D31" i="3"/>
  <c r="C31" i="3"/>
  <c r="D30" i="3"/>
  <c r="C30" i="3"/>
  <c r="D29" i="3"/>
  <c r="C29" i="3"/>
  <c r="D28" i="3"/>
  <c r="C28" i="3"/>
  <c r="D27" i="3"/>
  <c r="C27" i="3"/>
  <c r="D26" i="3"/>
  <c r="C26" i="3"/>
  <c r="D25" i="3"/>
  <c r="C25" i="3"/>
  <c r="D24" i="3"/>
  <c r="C24" i="3"/>
  <c r="D23" i="3"/>
  <c r="D22" i="3"/>
  <c r="C23" i="3"/>
  <c r="C22" i="3"/>
  <c r="D21" i="3"/>
  <c r="C21" i="3"/>
  <c r="D20" i="3"/>
  <c r="C20" i="3"/>
  <c r="D19" i="3"/>
  <c r="C19" i="3"/>
  <c r="D18" i="3"/>
  <c r="C18" i="3"/>
  <c r="D17" i="3"/>
  <c r="C17" i="3"/>
  <c r="D16" i="3"/>
  <c r="C16" i="3"/>
  <c r="D15" i="3"/>
  <c r="C15" i="3"/>
  <c r="D14" i="3"/>
  <c r="C14" i="3"/>
  <c r="D13" i="3"/>
  <c r="C13" i="3"/>
  <c r="D12" i="3"/>
  <c r="C12" i="3"/>
  <c r="B71" i="3" l="1"/>
  <c r="B14" i="3"/>
  <c r="B15" i="3"/>
  <c r="B16" i="3"/>
  <c r="B17" i="3"/>
  <c r="B18" i="3"/>
  <c r="B19" i="3"/>
  <c r="B20" i="3"/>
  <c r="B21" i="3"/>
  <c r="B22" i="3"/>
  <c r="B23" i="3"/>
  <c r="B24" i="3"/>
  <c r="B25" i="3"/>
  <c r="B26" i="3"/>
  <c r="B27" i="3"/>
  <c r="B28" i="3"/>
  <c r="B29" i="3"/>
  <c r="B30" i="3"/>
  <c r="B31" i="3"/>
  <c r="B32" i="3"/>
  <c r="B33" i="3"/>
  <c r="B34" i="3"/>
  <c r="B35" i="3"/>
  <c r="B36" i="3"/>
  <c r="B37" i="3"/>
  <c r="B38" i="3"/>
  <c r="B39" i="3"/>
  <c r="B40" i="3"/>
  <c r="B41" i="3"/>
  <c r="B42" i="3"/>
  <c r="B43" i="3"/>
  <c r="B44" i="3"/>
  <c r="B45" i="3"/>
  <c r="B46" i="3"/>
  <c r="B47" i="3"/>
  <c r="B48" i="3"/>
  <c r="B49" i="3"/>
  <c r="B50" i="3"/>
  <c r="B51" i="3"/>
  <c r="B52" i="3"/>
  <c r="B53" i="3"/>
  <c r="B54" i="3"/>
  <c r="B55" i="3"/>
  <c r="B56" i="3"/>
  <c r="B57" i="3"/>
  <c r="B58" i="3"/>
  <c r="B59" i="3"/>
  <c r="B60" i="3"/>
  <c r="B61" i="3"/>
  <c r="B62" i="3"/>
  <c r="B63" i="3"/>
  <c r="B64" i="3"/>
  <c r="B65" i="3"/>
  <c r="B66" i="3"/>
  <c r="B67" i="3"/>
  <c r="B68" i="3"/>
  <c r="B69" i="3"/>
  <c r="B70" i="3"/>
  <c r="B13" i="3"/>
  <c r="B12" i="3"/>
  <c r="E13" i="1"/>
  <c r="G13" i="3" l="1"/>
  <c r="E14" i="1"/>
  <c r="E15" i="1"/>
  <c r="E16" i="1"/>
  <c r="G12" i="3" s="1"/>
  <c r="F12" i="3" s="1"/>
  <c r="E6" i="3" l="1"/>
  <c r="E7" i="3" s="1"/>
  <c r="C6" i="1"/>
  <c r="C7" i="1" s="1"/>
</calcChain>
</file>

<file path=xl/sharedStrings.xml><?xml version="1.0" encoding="utf-8"?>
<sst xmlns="http://schemas.openxmlformats.org/spreadsheetml/2006/main" count="2058" uniqueCount="26">
  <si>
    <t>Intertrust N.V. share buyback program | EUR 100,000,000.00</t>
  </si>
  <si>
    <t>SUMMARY</t>
  </si>
  <si>
    <t>Program announcement date</t>
  </si>
  <si>
    <t>Purchased amount in EUR</t>
  </si>
  <si>
    <t>Percentage of program completed</t>
  </si>
  <si>
    <t>Exchange traded</t>
  </si>
  <si>
    <t>Euronext Amsterdam</t>
  </si>
  <si>
    <t>Date</t>
  </si>
  <si>
    <t>Average purchase price</t>
  </si>
  <si>
    <t>Total consideration</t>
  </si>
  <si>
    <t>Total</t>
  </si>
  <si>
    <t>Trade Details</t>
  </si>
  <si>
    <t>Time</t>
  </si>
  <si>
    <t>Volume</t>
  </si>
  <si>
    <t>Price</t>
  </si>
  <si>
    <t>Proceeds</t>
  </si>
  <si>
    <t>Exchange</t>
  </si>
  <si>
    <t>CBOE DXE</t>
  </si>
  <si>
    <t>Total shares repurchased</t>
  </si>
  <si>
    <t>Week</t>
  </si>
  <si>
    <t>Start of Week</t>
  </si>
  <si>
    <t>End of Week</t>
  </si>
  <si>
    <t># of shares purchased</t>
  </si>
  <si>
    <t>Average Purchase Price</t>
  </si>
  <si>
    <t>Weekly Consideration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7">
    <numFmt numFmtId="164" formatCode="_(* #,##0.00_);_(* \(#,##0.00\);_(* &quot;-&quot;??_);_(@_)"/>
    <numFmt numFmtId="165" formatCode="[$-409]h:mm:ss\ AM/PM;@"/>
    <numFmt numFmtId="166" formatCode="[$-409]d\-mmm\-yy;@"/>
    <numFmt numFmtId="167" formatCode="_([$€-2]\ * #,##0.00_);_([$€-2]\ * \(#,##0.00\);_([$€-2]\ * &quot;-&quot;??_);_(@_)"/>
    <numFmt numFmtId="168" formatCode="_(* #,##0_);_(* \(#,##0\);_(* &quot;-&quot;??_);_(@_)"/>
    <numFmt numFmtId="169" formatCode="0.0000"/>
    <numFmt numFmtId="170" formatCode="_-* #,##0.0_-;\-* #,##0.0_-;_-* &quot;-&quot;??_-;_-@_-"/>
  </numFmts>
  <fonts count="7" x14ac:knownFonts="1">
    <font>
      <sz val="11"/>
      <color theme="1"/>
      <name val="Arial"/>
      <family val="2"/>
      <scheme val="minor"/>
    </font>
    <font>
      <sz val="11"/>
      <color theme="1"/>
      <name val="Arial"/>
      <family val="2"/>
      <scheme val="minor"/>
    </font>
    <font>
      <sz val="11"/>
      <name val="Calibri"/>
      <family val="2"/>
    </font>
    <font>
      <b/>
      <sz val="11"/>
      <name val="Calibri"/>
      <family val="2"/>
    </font>
    <font>
      <b/>
      <sz val="11"/>
      <color theme="0"/>
      <name val="Calibri"/>
      <family val="2"/>
    </font>
    <font>
      <b/>
      <sz val="16"/>
      <color rgb="FF523797"/>
      <name val="Calibri"/>
      <family val="2"/>
    </font>
    <font>
      <sz val="11"/>
      <name val="Arial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523797"/>
        <bgColor indexed="64"/>
      </patternFill>
    </fill>
  </fills>
  <borders count="21">
    <border>
      <left/>
      <right/>
      <top/>
      <bottom/>
      <diagonal/>
    </border>
    <border>
      <left style="thin">
        <color rgb="FF903594"/>
      </left>
      <right style="thin">
        <color rgb="FF903594"/>
      </right>
      <top/>
      <bottom/>
      <diagonal/>
    </border>
    <border>
      <left style="thin">
        <color rgb="FF523797"/>
      </left>
      <right/>
      <top style="thin">
        <color rgb="FF523797"/>
      </top>
      <bottom/>
      <diagonal/>
    </border>
    <border>
      <left/>
      <right style="thin">
        <color rgb="FF523797"/>
      </right>
      <top style="thin">
        <color rgb="FF523797"/>
      </top>
      <bottom/>
      <diagonal/>
    </border>
    <border>
      <left style="thin">
        <color rgb="FF523797"/>
      </left>
      <right/>
      <top/>
      <bottom/>
      <diagonal/>
    </border>
    <border>
      <left/>
      <right style="thin">
        <color rgb="FF523797"/>
      </right>
      <top/>
      <bottom/>
      <diagonal/>
    </border>
    <border>
      <left style="thin">
        <color rgb="FF523797"/>
      </left>
      <right/>
      <top/>
      <bottom style="thin">
        <color rgb="FF523797"/>
      </bottom>
      <diagonal/>
    </border>
    <border>
      <left/>
      <right style="thin">
        <color rgb="FF523797"/>
      </right>
      <top/>
      <bottom style="thin">
        <color rgb="FF523797"/>
      </bottom>
      <diagonal/>
    </border>
    <border>
      <left/>
      <right/>
      <top style="thin">
        <color rgb="FF523797"/>
      </top>
      <bottom/>
      <diagonal/>
    </border>
    <border>
      <left style="thin">
        <color rgb="FF523797"/>
      </left>
      <right style="thin">
        <color rgb="FF903594"/>
      </right>
      <top/>
      <bottom/>
      <diagonal/>
    </border>
    <border>
      <left style="thin">
        <color rgb="FF523797"/>
      </left>
      <right style="thin">
        <color rgb="FF523797"/>
      </right>
      <top/>
      <bottom style="thin">
        <color rgb="FF523797"/>
      </bottom>
      <diagonal/>
    </border>
    <border>
      <left style="thin">
        <color rgb="FF523797"/>
      </left>
      <right style="thin">
        <color rgb="FF523797"/>
      </right>
      <top/>
      <bottom/>
      <diagonal/>
    </border>
    <border>
      <left style="thin">
        <color rgb="FF903594"/>
      </left>
      <right style="thin">
        <color rgb="FF523797"/>
      </right>
      <top/>
      <bottom/>
      <diagonal/>
    </border>
    <border>
      <left/>
      <right/>
      <top/>
      <bottom style="thin">
        <color rgb="FF523797"/>
      </bottom>
      <diagonal/>
    </border>
    <border>
      <left style="thin">
        <color rgb="FF523797"/>
      </left>
      <right style="thin">
        <color rgb="FF523797"/>
      </right>
      <top style="thin">
        <color rgb="FF523797"/>
      </top>
      <bottom style="thin">
        <color rgb="FF523797"/>
      </bottom>
      <diagonal/>
    </border>
    <border>
      <left/>
      <right style="thin">
        <color rgb="FF523797"/>
      </right>
      <top style="thin">
        <color rgb="FF523797"/>
      </top>
      <bottom style="thin">
        <color rgb="FF523797"/>
      </bottom>
      <diagonal/>
    </border>
    <border>
      <left style="thin">
        <color rgb="FF523797"/>
      </left>
      <right style="thin">
        <color rgb="FF523797"/>
      </right>
      <top style="thin">
        <color rgb="FF523797"/>
      </top>
      <bottom/>
      <diagonal/>
    </border>
    <border>
      <left style="thin">
        <color rgb="FF903594"/>
      </left>
      <right style="thin">
        <color rgb="FF523797"/>
      </right>
      <top/>
      <bottom style="thin">
        <color rgb="FF523797"/>
      </bottom>
      <diagonal/>
    </border>
    <border>
      <left style="thin">
        <color rgb="FF523797"/>
      </left>
      <right style="thin">
        <color rgb="FF903594"/>
      </right>
      <top/>
      <bottom style="thin">
        <color rgb="FF523797"/>
      </bottom>
      <diagonal/>
    </border>
    <border>
      <left style="thin">
        <color rgb="FF523797"/>
      </left>
      <right/>
      <top style="thin">
        <color rgb="FF523797"/>
      </top>
      <bottom style="thin">
        <color rgb="FF523797"/>
      </bottom>
      <diagonal/>
    </border>
    <border>
      <left style="thin">
        <color rgb="FF523797"/>
      </left>
      <right style="thin">
        <color rgb="FF523797"/>
      </right>
      <top/>
      <bottom style="thin">
        <color indexed="64"/>
      </bottom>
      <diagonal/>
    </border>
  </borders>
  <cellStyleXfs count="3">
    <xf numFmtId="0" fontId="0" fillId="0" borderId="0"/>
    <xf numFmtId="16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76">
    <xf numFmtId="0" fontId="0" fillId="0" borderId="0" xfId="0"/>
    <xf numFmtId="0" fontId="2" fillId="2" borderId="0" xfId="0" applyFont="1" applyFill="1"/>
    <xf numFmtId="0" fontId="3" fillId="3" borderId="0" xfId="0" applyFont="1" applyFill="1" applyAlignment="1">
      <alignment horizontal="center" vertical="center"/>
    </xf>
    <xf numFmtId="0" fontId="5" fillId="2" borderId="0" xfId="0" applyFont="1" applyFill="1"/>
    <xf numFmtId="0" fontId="4" fillId="4" borderId="2" xfId="0" applyFont="1" applyFill="1" applyBorder="1"/>
    <xf numFmtId="0" fontId="2" fillId="4" borderId="3" xfId="0" applyFont="1" applyFill="1" applyBorder="1"/>
    <xf numFmtId="0" fontId="3" fillId="2" borderId="4" xfId="0" applyFont="1" applyFill="1" applyBorder="1"/>
    <xf numFmtId="0" fontId="2" fillId="2" borderId="6" xfId="0" applyFont="1" applyFill="1" applyBorder="1"/>
    <xf numFmtId="0" fontId="2" fillId="4" borderId="2" xfId="0" applyFont="1" applyFill="1" applyBorder="1"/>
    <xf numFmtId="0" fontId="2" fillId="4" borderId="8" xfId="0" applyFont="1" applyFill="1" applyBorder="1"/>
    <xf numFmtId="0" fontId="2" fillId="2" borderId="5" xfId="0" applyFont="1" applyFill="1" applyBorder="1" applyAlignment="1">
      <alignment horizontal="right"/>
    </xf>
    <xf numFmtId="0" fontId="2" fillId="2" borderId="7" xfId="0" applyFont="1" applyFill="1" applyBorder="1" applyAlignment="1">
      <alignment horizontal="right"/>
    </xf>
    <xf numFmtId="0" fontId="3" fillId="3" borderId="6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 wrapText="1"/>
    </xf>
    <xf numFmtId="0" fontId="3" fillId="3" borderId="7" xfId="0" applyFont="1" applyFill="1" applyBorder="1" applyAlignment="1">
      <alignment horizontal="center" vertical="center" wrapText="1"/>
    </xf>
    <xf numFmtId="165" fontId="2" fillId="2" borderId="0" xfId="0" applyNumberFormat="1" applyFont="1" applyFill="1"/>
    <xf numFmtId="166" fontId="2" fillId="2" borderId="0" xfId="0" applyNumberFormat="1" applyFont="1" applyFill="1"/>
    <xf numFmtId="167" fontId="2" fillId="2" borderId="5" xfId="0" applyNumberFormat="1" applyFont="1" applyFill="1" applyBorder="1" applyAlignment="1">
      <alignment horizontal="right"/>
    </xf>
    <xf numFmtId="167" fontId="2" fillId="2" borderId="10" xfId="0" applyNumberFormat="1" applyFont="1" applyFill="1" applyBorder="1" applyAlignment="1">
      <alignment horizontal="right"/>
    </xf>
    <xf numFmtId="168" fontId="2" fillId="2" borderId="1" xfId="1" applyNumberFormat="1" applyFont="1" applyFill="1" applyBorder="1" applyAlignment="1">
      <alignment horizontal="right"/>
    </xf>
    <xf numFmtId="168" fontId="2" fillId="2" borderId="11" xfId="1" applyNumberFormat="1" applyFont="1" applyFill="1" applyBorder="1" applyAlignment="1">
      <alignment horizontal="right"/>
    </xf>
    <xf numFmtId="168" fontId="2" fillId="2" borderId="10" xfId="1" applyNumberFormat="1" applyFont="1" applyFill="1" applyBorder="1" applyAlignment="1">
      <alignment horizontal="right"/>
    </xf>
    <xf numFmtId="169" fontId="2" fillId="2" borderId="12" xfId="0" applyNumberFormat="1" applyFont="1" applyFill="1" applyBorder="1" applyAlignment="1">
      <alignment horizontal="right"/>
    </xf>
    <xf numFmtId="15" fontId="2" fillId="2" borderId="5" xfId="0" applyNumberFormat="1" applyFont="1" applyFill="1" applyBorder="1" applyAlignment="1">
      <alignment horizontal="right"/>
    </xf>
    <xf numFmtId="164" fontId="2" fillId="2" borderId="5" xfId="1" applyFont="1" applyFill="1" applyBorder="1" applyAlignment="1">
      <alignment horizontal="right"/>
    </xf>
    <xf numFmtId="10" fontId="2" fillId="2" borderId="5" xfId="2" applyNumberFormat="1" applyFont="1" applyFill="1" applyBorder="1" applyAlignment="1">
      <alignment horizontal="right"/>
    </xf>
    <xf numFmtId="166" fontId="2" fillId="2" borderId="9" xfId="0" applyNumberFormat="1" applyFont="1" applyFill="1" applyBorder="1" applyAlignment="1">
      <alignment horizontal="center"/>
    </xf>
    <xf numFmtId="166" fontId="2" fillId="2" borderId="11" xfId="0" applyNumberFormat="1" applyFont="1" applyFill="1" applyBorder="1" applyAlignment="1">
      <alignment horizontal="center"/>
    </xf>
    <xf numFmtId="166" fontId="2" fillId="2" borderId="10" xfId="0" applyNumberFormat="1" applyFont="1" applyFill="1" applyBorder="1" applyAlignment="1">
      <alignment horizontal="center"/>
    </xf>
    <xf numFmtId="0" fontId="3" fillId="2" borderId="14" xfId="0" applyFont="1" applyFill="1" applyBorder="1" applyAlignment="1">
      <alignment horizontal="center"/>
    </xf>
    <xf numFmtId="168" fontId="3" fillId="2" borderId="14" xfId="1" applyNumberFormat="1" applyFont="1" applyFill="1" applyBorder="1" applyAlignment="1">
      <alignment horizontal="right"/>
    </xf>
    <xf numFmtId="169" fontId="3" fillId="2" borderId="15" xfId="0" applyNumberFormat="1" applyFont="1" applyFill="1" applyBorder="1" applyAlignment="1">
      <alignment horizontal="right"/>
    </xf>
    <xf numFmtId="167" fontId="3" fillId="2" borderId="15" xfId="0" applyNumberFormat="1" applyFont="1" applyFill="1" applyBorder="1" applyAlignment="1">
      <alignment horizontal="right"/>
    </xf>
    <xf numFmtId="0" fontId="2" fillId="2" borderId="12" xfId="0" applyFont="1" applyFill="1" applyBorder="1"/>
    <xf numFmtId="0" fontId="2" fillId="2" borderId="17" xfId="0" applyFont="1" applyFill="1" applyBorder="1"/>
    <xf numFmtId="166" fontId="2" fillId="2" borderId="18" xfId="0" applyNumberFormat="1" applyFont="1" applyFill="1" applyBorder="1" applyAlignment="1">
      <alignment horizontal="center"/>
    </xf>
    <xf numFmtId="0" fontId="2" fillId="2" borderId="13" xfId="0" applyFont="1" applyFill="1" applyBorder="1"/>
    <xf numFmtId="0" fontId="6" fillId="2" borderId="0" xfId="0" applyFont="1" applyFill="1"/>
    <xf numFmtId="0" fontId="6" fillId="2" borderId="0" xfId="0" applyFont="1" applyFill="1" applyAlignment="1">
      <alignment horizontal="center"/>
    </xf>
    <xf numFmtId="0" fontId="2" fillId="2" borderId="4" xfId="0" applyFont="1" applyFill="1" applyBorder="1" applyAlignment="1">
      <alignment horizontal="center"/>
    </xf>
    <xf numFmtId="0" fontId="2" fillId="2" borderId="0" xfId="0" applyFont="1" applyFill="1" applyBorder="1" applyAlignment="1">
      <alignment horizontal="center"/>
    </xf>
    <xf numFmtId="0" fontId="2" fillId="2" borderId="5" xfId="0" applyFont="1" applyFill="1" applyBorder="1" applyAlignment="1">
      <alignment horizontal="center"/>
    </xf>
    <xf numFmtId="0" fontId="4" fillId="4" borderId="19" xfId="0" applyFont="1" applyFill="1" applyBorder="1" applyAlignment="1">
      <alignment horizontal="center" vertical="center" wrapText="1"/>
    </xf>
    <xf numFmtId="0" fontId="4" fillId="4" borderId="14" xfId="0" applyFont="1" applyFill="1" applyBorder="1" applyAlignment="1">
      <alignment horizontal="center" vertical="center" wrapText="1"/>
    </xf>
    <xf numFmtId="0" fontId="2" fillId="3" borderId="4" xfId="0" applyFont="1" applyFill="1" applyBorder="1" applyAlignment="1">
      <alignment horizontal="center"/>
    </xf>
    <xf numFmtId="0" fontId="2" fillId="3" borderId="0" xfId="0" applyFont="1" applyFill="1" applyBorder="1" applyAlignment="1">
      <alignment horizontal="center"/>
    </xf>
    <xf numFmtId="0" fontId="2" fillId="3" borderId="5" xfId="0" applyFont="1" applyFill="1" applyBorder="1" applyAlignment="1">
      <alignment horizontal="center"/>
    </xf>
    <xf numFmtId="0" fontId="2" fillId="3" borderId="6" xfId="0" applyFont="1" applyFill="1" applyBorder="1" applyAlignment="1">
      <alignment horizontal="center"/>
    </xf>
    <xf numFmtId="0" fontId="2" fillId="3" borderId="13" xfId="0" applyFont="1" applyFill="1" applyBorder="1" applyAlignment="1">
      <alignment horizontal="center"/>
    </xf>
    <xf numFmtId="0" fontId="2" fillId="3" borderId="7" xfId="0" applyFont="1" applyFill="1" applyBorder="1" applyAlignment="1">
      <alignment horizontal="center"/>
    </xf>
    <xf numFmtId="166" fontId="2" fillId="2" borderId="0" xfId="0" applyNumberFormat="1" applyFont="1" applyFill="1" applyBorder="1" applyAlignment="1">
      <alignment horizontal="center"/>
    </xf>
    <xf numFmtId="166" fontId="2" fillId="3" borderId="0" xfId="0" applyNumberFormat="1" applyFont="1" applyFill="1" applyBorder="1" applyAlignment="1">
      <alignment horizontal="center"/>
    </xf>
    <xf numFmtId="166" fontId="2" fillId="3" borderId="13" xfId="0" applyNumberFormat="1" applyFont="1" applyFill="1" applyBorder="1" applyAlignment="1">
      <alignment horizontal="center"/>
    </xf>
    <xf numFmtId="168" fontId="2" fillId="2" borderId="0" xfId="1" applyNumberFormat="1" applyFont="1" applyFill="1" applyBorder="1" applyAlignment="1">
      <alignment horizontal="right"/>
    </xf>
    <xf numFmtId="0" fontId="2" fillId="2" borderId="0" xfId="0" applyFont="1" applyFill="1" applyBorder="1" applyAlignment="1">
      <alignment horizontal="right"/>
    </xf>
    <xf numFmtId="0" fontId="6" fillId="4" borderId="13" xfId="0" applyFont="1" applyFill="1" applyBorder="1" applyAlignment="1">
      <alignment horizontal="center"/>
    </xf>
    <xf numFmtId="0" fontId="4" fillId="4" borderId="19" xfId="0" applyFont="1" applyFill="1" applyBorder="1"/>
    <xf numFmtId="0" fontId="2" fillId="4" borderId="15" xfId="0" applyFont="1" applyFill="1" applyBorder="1"/>
    <xf numFmtId="0" fontId="6" fillId="2" borderId="13" xfId="0" applyFont="1" applyFill="1" applyBorder="1"/>
    <xf numFmtId="168" fontId="2" fillId="3" borderId="0" xfId="1" applyNumberFormat="1" applyFont="1" applyFill="1" applyBorder="1" applyAlignment="1">
      <alignment horizontal="center"/>
    </xf>
    <xf numFmtId="167" fontId="2" fillId="3" borderId="5" xfId="0" applyNumberFormat="1" applyFont="1" applyFill="1" applyBorder="1" applyAlignment="1">
      <alignment horizontal="center"/>
    </xf>
    <xf numFmtId="0" fontId="2" fillId="3" borderId="0" xfId="0" applyFont="1" applyFill="1" applyBorder="1" applyAlignment="1">
      <alignment horizontal="right"/>
    </xf>
    <xf numFmtId="0" fontId="2" fillId="3" borderId="13" xfId="0" applyFont="1" applyFill="1" applyBorder="1" applyAlignment="1">
      <alignment horizontal="right"/>
    </xf>
    <xf numFmtId="0" fontId="6" fillId="2" borderId="0" xfId="0" applyFont="1" applyFill="1" applyAlignment="1">
      <alignment horizontal="right"/>
    </xf>
    <xf numFmtId="167" fontId="2" fillId="2" borderId="16" xfId="0" applyNumberFormat="1" applyFont="1" applyFill="1" applyBorder="1" applyAlignment="1">
      <alignment horizontal="right"/>
    </xf>
    <xf numFmtId="167" fontId="2" fillId="2" borderId="11" xfId="0" applyNumberFormat="1" applyFont="1" applyFill="1" applyBorder="1" applyAlignment="1">
      <alignment horizontal="right"/>
    </xf>
    <xf numFmtId="168" fontId="2" fillId="2" borderId="0" xfId="1" applyNumberFormat="1" applyFont="1" applyFill="1" applyBorder="1" applyAlignment="1">
      <alignment horizontal="center"/>
    </xf>
    <xf numFmtId="167" fontId="2" fillId="2" borderId="5" xfId="0" applyNumberFormat="1" applyFont="1" applyFill="1" applyBorder="1" applyAlignment="1">
      <alignment horizontal="center"/>
    </xf>
    <xf numFmtId="168" fontId="2" fillId="2" borderId="20" xfId="1" applyNumberFormat="1" applyFont="1" applyFill="1" applyBorder="1" applyAlignment="1">
      <alignment horizontal="right"/>
    </xf>
    <xf numFmtId="169" fontId="2" fillId="2" borderId="0" xfId="0" applyNumberFormat="1" applyFont="1" applyFill="1" applyBorder="1" applyAlignment="1">
      <alignment horizontal="right"/>
    </xf>
    <xf numFmtId="168" fontId="2" fillId="2" borderId="12" xfId="1" applyNumberFormat="1" applyFont="1" applyFill="1" applyBorder="1"/>
    <xf numFmtId="168" fontId="2" fillId="2" borderId="17" xfId="1" applyNumberFormat="1" applyFont="1" applyFill="1" applyBorder="1"/>
    <xf numFmtId="169" fontId="2" fillId="3" borderId="0" xfId="0" applyNumberFormat="1" applyFont="1" applyFill="1" applyBorder="1" applyAlignment="1">
      <alignment horizontal="right"/>
    </xf>
    <xf numFmtId="0" fontId="5" fillId="2" borderId="0" xfId="0" applyFont="1" applyFill="1" applyAlignment="1">
      <alignment horizontal="center"/>
    </xf>
    <xf numFmtId="0" fontId="4" fillId="4" borderId="0" xfId="0" applyFont="1" applyFill="1" applyAlignment="1">
      <alignment horizontal="center" vertical="center"/>
    </xf>
    <xf numFmtId="170" fontId="6" fillId="2" borderId="0" xfId="0" applyNumberFormat="1" applyFont="1" applyFill="1"/>
  </cellXfs>
  <cellStyles count="3">
    <cellStyle name="Comma" xfId="1" builtinId="3"/>
    <cellStyle name="Normal" xfId="0" builtinId="0"/>
    <cellStyle name="Percent" xfId="2" builtinId="5"/>
  </cellStyles>
  <dxfs count="1">
    <dxf>
      <fill>
        <gradientFill degree="90">
          <stop position="0">
            <color theme="0"/>
          </stop>
          <stop position="1">
            <color theme="4"/>
          </stop>
        </gradientFill>
      </fill>
    </dxf>
  </dxfs>
  <tableStyles count="1" defaultTableStyle="TableStyleMedium2" defaultPivotStyle="PivotStyleLight16">
    <tableStyle name="Table Style 1" pivot="0" count="1" xr9:uid="{BB166D44-3027-4F61-804C-6B40C45E87B1}">
      <tableStyleElement type="wholeTable" dxfId="0"/>
    </tableStyle>
  </tableStyles>
  <colors>
    <mruColors>
      <color rgb="FF523797"/>
      <color rgb="FFC6B9E5"/>
      <color rgb="FF53A2DA"/>
      <color rgb="FFD283B0"/>
      <color rgb="FFB2499B"/>
      <color rgb="FF903594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e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e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e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e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jpe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523877</xdr:colOff>
      <xdr:row>3</xdr:row>
      <xdr:rowOff>11906</xdr:rowOff>
    </xdr:from>
    <xdr:to>
      <xdr:col>7</xdr:col>
      <xdr:colOff>277019</xdr:colOff>
      <xdr:row>9</xdr:row>
      <xdr:rowOff>31678</xdr:rowOff>
    </xdr:to>
    <xdr:pic>
      <xdr:nvPicPr>
        <xdr:cNvPr id="4" name="Picture 3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4C03DDBF-AA63-45F1-9420-7DF449FDF729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14877" y="642937"/>
          <a:ext cx="2226467" cy="116594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3</xdr:col>
      <xdr:colOff>547688</xdr:colOff>
      <xdr:row>2</xdr:row>
      <xdr:rowOff>130969</xdr:rowOff>
    </xdr:from>
    <xdr:to>
      <xdr:col>5</xdr:col>
      <xdr:colOff>294481</xdr:colOff>
      <xdr:row>9</xdr:row>
      <xdr:rowOff>129</xdr:rowOff>
    </xdr:to>
    <xdr:pic>
      <xdr:nvPicPr>
        <xdr:cNvPr id="3" name="Picture 2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727C805C-3CD2-4E74-90AC-CA9E6116CC62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072063" y="583407"/>
          <a:ext cx="2416968" cy="120027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0499</xdr:colOff>
      <xdr:row>2</xdr:row>
      <xdr:rowOff>23813</xdr:rowOff>
    </xdr:from>
    <xdr:to>
      <xdr:col>3</xdr:col>
      <xdr:colOff>421739</xdr:colOff>
      <xdr:row>8</xdr:row>
      <xdr:rowOff>122237</xdr:rowOff>
    </xdr:to>
    <xdr:pic>
      <xdr:nvPicPr>
        <xdr:cNvPr id="2" name="Picture 1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033997BB-FD96-4A2A-ABDA-C81FC59104F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4" y="481013"/>
          <a:ext cx="2488665" cy="124142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0499</xdr:colOff>
      <xdr:row>2</xdr:row>
      <xdr:rowOff>23813</xdr:rowOff>
    </xdr:from>
    <xdr:to>
      <xdr:col>3</xdr:col>
      <xdr:colOff>421739</xdr:colOff>
      <xdr:row>8</xdr:row>
      <xdr:rowOff>122237</xdr:rowOff>
    </xdr:to>
    <xdr:pic>
      <xdr:nvPicPr>
        <xdr:cNvPr id="2" name="Picture 1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0567C429-307E-40F3-B4EE-7DF4A43C936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3549" y="474663"/>
          <a:ext cx="2485490" cy="120332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0499</xdr:colOff>
      <xdr:row>2</xdr:row>
      <xdr:rowOff>23813</xdr:rowOff>
    </xdr:from>
    <xdr:to>
      <xdr:col>3</xdr:col>
      <xdr:colOff>421739</xdr:colOff>
      <xdr:row>8</xdr:row>
      <xdr:rowOff>122237</xdr:rowOff>
    </xdr:to>
    <xdr:pic>
      <xdr:nvPicPr>
        <xdr:cNvPr id="2" name="Picture 1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7EA4B721-C319-4EA1-98C0-CD7B12323A8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4" y="474663"/>
          <a:ext cx="2488665" cy="1184274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0499</xdr:colOff>
      <xdr:row>2</xdr:row>
      <xdr:rowOff>23813</xdr:rowOff>
    </xdr:from>
    <xdr:to>
      <xdr:col>3</xdr:col>
      <xdr:colOff>421739</xdr:colOff>
      <xdr:row>8</xdr:row>
      <xdr:rowOff>122237</xdr:rowOff>
    </xdr:to>
    <xdr:pic>
      <xdr:nvPicPr>
        <xdr:cNvPr id="2" name="Picture 1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8EF17F01-36EA-472F-8502-68BDA9AE3A1E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4" y="474663"/>
          <a:ext cx="2488665" cy="118109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0499</xdr:colOff>
      <xdr:row>2</xdr:row>
      <xdr:rowOff>23813</xdr:rowOff>
    </xdr:from>
    <xdr:to>
      <xdr:col>3</xdr:col>
      <xdr:colOff>421739</xdr:colOff>
      <xdr:row>8</xdr:row>
      <xdr:rowOff>119062</xdr:rowOff>
    </xdr:to>
    <xdr:pic>
      <xdr:nvPicPr>
        <xdr:cNvPr id="2" name="Picture 1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A631AE23-6180-42C2-9412-D45C8F9E1F7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6724" y="481013"/>
          <a:ext cx="2488665" cy="123824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0499</xdr:colOff>
      <xdr:row>2</xdr:row>
      <xdr:rowOff>23813</xdr:rowOff>
    </xdr:from>
    <xdr:to>
      <xdr:col>3</xdr:col>
      <xdr:colOff>421739</xdr:colOff>
      <xdr:row>8</xdr:row>
      <xdr:rowOff>119062</xdr:rowOff>
    </xdr:to>
    <xdr:pic>
      <xdr:nvPicPr>
        <xdr:cNvPr id="3" name="Picture 2" descr="Intertrust Group Announces New Era With Rebrand and Strategic Partnership  With Non-Profit Kiva | Business Wire">
          <a:extLst>
            <a:ext uri="{FF2B5EF4-FFF2-40B4-BE49-F238E27FC236}">
              <a16:creationId xmlns:a16="http://schemas.microsoft.com/office/drawing/2014/main" id="{4941156B-0F9D-4BCC-8AB4-61871DF5D0F3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64343" y="476251"/>
          <a:ext cx="2493427" cy="1238249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ABN AMRO 2017">
  <a:themeElements>
    <a:clrScheme name="ABN AMRO CIB 2017">
      <a:dk1>
        <a:srgbClr val="4E636C"/>
      </a:dk1>
      <a:lt1>
        <a:srgbClr val="FFFFFF"/>
      </a:lt1>
      <a:dk2>
        <a:srgbClr val="006480"/>
      </a:dk2>
      <a:lt2>
        <a:srgbClr val="DBE0E2"/>
      </a:lt2>
      <a:accent1>
        <a:srgbClr val="94C23C"/>
      </a:accent1>
      <a:accent2>
        <a:srgbClr val="60B156"/>
      </a:accent2>
      <a:accent3>
        <a:srgbClr val="009286"/>
      </a:accent3>
      <a:accent4>
        <a:srgbClr val="006C64"/>
      </a:accent4>
      <a:accent5>
        <a:srgbClr val="004C4C"/>
      </a:accent5>
      <a:accent6>
        <a:srgbClr val="86B2C0"/>
      </a:accent6>
      <a:hlink>
        <a:srgbClr val="006480"/>
      </a:hlink>
      <a:folHlink>
        <a:srgbClr val="006480"/>
      </a:folHlink>
    </a:clrScheme>
    <a:fontScheme name="Standaardontwerp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chemeClr val="bg2"/>
        </a:solidFill>
        <a:ln>
          <a:noFill/>
        </a:ln>
        <a:effectLst/>
      </a:spPr>
      <a:bodyPr vert="horz" wrap="square" lIns="43200" tIns="43200" rIns="43200" bIns="43200" numCol="1" rtlCol="0" anchor="ctr" anchorCtr="0" compatLnSpc="1">
        <a:prstTxWarp prst="textNoShape">
          <a:avLst/>
        </a:prstTxWarp>
        <a:noAutofit/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10000"/>
          </a:spcBef>
          <a:spcAft>
            <a:spcPct val="10000"/>
          </a:spcAft>
          <a:buClrTx/>
          <a:buSzTx/>
          <a:buFontTx/>
          <a:buNone/>
          <a:tabLst/>
          <a:defRPr kumimoji="0" sz="900" b="0" i="0" u="none" strike="noStrike" cap="none" normalizeH="0" baseline="0" dirty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noFill/>
        <a:ln w="9525" cap="flat" cmpd="sng" algn="ctr">
          <a:solidFill>
            <a:srgbClr val="B7C1C6"/>
          </a:solidFill>
          <a:prstDash val="solid"/>
          <a:round/>
          <a:headEnd type="none" w="med" len="med"/>
          <a:tailEnd type="none" w="med" len="med"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/>
      <a:lstStyle/>
    </a:lnDef>
  </a:objectDefaults>
  <a:extraClrSchemeLst>
    <a:extraClrScheme>
      <a:clrScheme name="Standaardontwerp 1">
        <a:dk1>
          <a:srgbClr val="54646C"/>
        </a:dk1>
        <a:lt1>
          <a:srgbClr val="FFFFFF"/>
        </a:lt1>
        <a:dk2>
          <a:srgbClr val="004C4C"/>
        </a:dk2>
        <a:lt2>
          <a:srgbClr val="BBBEC3"/>
        </a:lt2>
        <a:accent1>
          <a:srgbClr val="009286"/>
        </a:accent1>
        <a:accent2>
          <a:srgbClr val="80C9C3"/>
        </a:accent2>
        <a:accent3>
          <a:srgbClr val="FFFFFF"/>
        </a:accent3>
        <a:accent4>
          <a:srgbClr val="46545B"/>
        </a:accent4>
        <a:accent5>
          <a:srgbClr val="AAC7C3"/>
        </a:accent5>
        <a:accent6>
          <a:srgbClr val="73B6B0"/>
        </a:accent6>
        <a:hlink>
          <a:srgbClr val="CCE9E7"/>
        </a:hlink>
        <a:folHlink>
          <a:srgbClr val="EDF7F6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custClrLst>
    <a:custClr name="ABN AMRO Color 1">
      <a:srgbClr val="94C23C"/>
    </a:custClr>
    <a:custClr name="ABN AMRO Color 2">
      <a:srgbClr val="60B156"/>
    </a:custClr>
    <a:custClr name="ABN AMRO Color 3">
      <a:srgbClr val="009286"/>
    </a:custClr>
    <a:custClr name="ABN AMRO Color 4">
      <a:srgbClr val="006C64"/>
    </a:custClr>
    <a:custClr name="ABN AMRO Color 5">
      <a:srgbClr val="6E838C"/>
    </a:custClr>
    <a:custClr name="ABN AMRO Color 6">
      <a:srgbClr val="B7C1C6"/>
    </a:custClr>
    <a:custClr name="ABN AMRO Color 7">
      <a:srgbClr val="86B2C0"/>
    </a:custClr>
    <a:custClr name="ABN AMRO Color 8">
      <a:srgbClr val="006480"/>
    </a:custClr>
    <a:custClr name="ABN AMRO Color 9">
      <a:srgbClr val="F3C000"/>
    </a:custClr>
    <a:custClr name="ABN AMRO Color 10">
      <a:srgbClr val="E6591A"/>
    </a:custClr>
    <a:custClr name="ABN AMRO Color 11">
      <a:srgbClr val="004C4C"/>
    </a:custClr>
    <a:custClr name="ABN AMRO Color 12">
      <a:srgbClr val="4E636C"/>
    </a:custClr>
    <a:custClr name="ABN AMRO Color 13">
      <a:srgbClr val="CED5D8"/>
    </a:custClr>
    <a:custClr name="ABN AMRO Color 14">
      <a:srgbClr val="DBE0E2"/>
    </a:custClr>
    <a:custClr name="ABN AMRO Color 15">
      <a:srgbClr val="EDEFF1"/>
    </a:custClr>
    <a:custClr name="ABN AMRO Color 16">
      <a:srgbClr val="F6F7F8"/>
    </a:custClr>
  </a:custClr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9C5FEE2-0B72-4E17-A48D-0B6A698BDF28}">
  <dimension ref="B2:I93"/>
  <sheetViews>
    <sheetView tabSelected="1" zoomScale="80" zoomScaleNormal="80" workbookViewId="0">
      <selection activeCell="I6" sqref="I6"/>
    </sheetView>
  </sheetViews>
  <sheetFormatPr defaultColWidth="9" defaultRowHeight="14" x14ac:dyDescent="0.3"/>
  <cols>
    <col min="1" max="1" width="3.75" style="37" customWidth="1"/>
    <col min="2" max="2" width="10.83203125" style="38" customWidth="1"/>
    <col min="3" max="4" width="13.25" style="38" customWidth="1"/>
    <col min="5" max="5" width="13.75" style="38" customWidth="1"/>
    <col min="6" max="6" width="15" style="38" customWidth="1"/>
    <col min="7" max="7" width="17.5" style="38" customWidth="1"/>
    <col min="8" max="16384" width="9" style="37"/>
  </cols>
  <sheetData>
    <row r="2" spans="2:9" ht="21" x14ac:dyDescent="0.5">
      <c r="B2" s="3" t="s">
        <v>0</v>
      </c>
      <c r="C2" s="1"/>
      <c r="D2" s="1"/>
      <c r="E2" s="1"/>
    </row>
    <row r="3" spans="2:9" ht="14.5" x14ac:dyDescent="0.35">
      <c r="B3" s="1"/>
      <c r="C3" s="1"/>
      <c r="D3" s="1"/>
      <c r="E3" s="1"/>
    </row>
    <row r="4" spans="2:9" ht="14.5" x14ac:dyDescent="0.35">
      <c r="B4" s="56" t="s">
        <v>1</v>
      </c>
      <c r="C4" s="55"/>
      <c r="D4" s="55"/>
      <c r="E4" s="57"/>
    </row>
    <row r="5" spans="2:9" ht="14.5" x14ac:dyDescent="0.35">
      <c r="B5" s="6" t="s">
        <v>2</v>
      </c>
      <c r="E5" s="23">
        <v>44466</v>
      </c>
    </row>
    <row r="6" spans="2:9" ht="14.5" x14ac:dyDescent="0.35">
      <c r="B6" s="6" t="s">
        <v>3</v>
      </c>
      <c r="E6" s="24">
        <f>'Daily Summary'!E306</f>
        <v>5984323.7000000002</v>
      </c>
      <c r="I6" s="75"/>
    </row>
    <row r="7" spans="2:9" ht="14.5" x14ac:dyDescent="0.35">
      <c r="B7" s="6" t="s">
        <v>4</v>
      </c>
      <c r="C7" s="37"/>
      <c r="D7" s="37"/>
      <c r="E7" s="25">
        <f>E6/100000000</f>
        <v>5.9843237000000001E-2</v>
      </c>
    </row>
    <row r="8" spans="2:9" ht="14.5" x14ac:dyDescent="0.35">
      <c r="B8" s="6" t="s">
        <v>5</v>
      </c>
      <c r="C8" s="37"/>
      <c r="D8" s="37"/>
      <c r="E8" s="10" t="s">
        <v>6</v>
      </c>
    </row>
    <row r="9" spans="2:9" ht="14.5" x14ac:dyDescent="0.35">
      <c r="B9" s="7"/>
      <c r="C9" s="58"/>
      <c r="D9" s="58"/>
      <c r="E9" s="11" t="s">
        <v>17</v>
      </c>
    </row>
    <row r="11" spans="2:9" ht="41.25" customHeight="1" x14ac:dyDescent="0.3">
      <c r="B11" s="42" t="s">
        <v>19</v>
      </c>
      <c r="C11" s="42" t="s">
        <v>20</v>
      </c>
      <c r="D11" s="42" t="s">
        <v>21</v>
      </c>
      <c r="E11" s="42" t="s">
        <v>22</v>
      </c>
      <c r="F11" s="42" t="s">
        <v>23</v>
      </c>
      <c r="G11" s="43" t="s">
        <v>24</v>
      </c>
    </row>
    <row r="12" spans="2:9" ht="14.5" x14ac:dyDescent="0.35">
      <c r="B12" s="39">
        <f>WEEKNUM('Daily Summary'!B13,2)</f>
        <v>40</v>
      </c>
      <c r="C12" s="50">
        <f>'Daily Summary'!B13</f>
        <v>44467</v>
      </c>
      <c r="D12" s="50">
        <f>'Daily Summary'!B16</f>
        <v>44470</v>
      </c>
      <c r="E12" s="53">
        <f>SUM('Daily Summary'!C13:C16)</f>
        <v>62540</v>
      </c>
      <c r="F12" s="54">
        <f t="shared" ref="F12:F17" si="0">IF(G12/E12=0," ",ROUND(G12/E12,4))</f>
        <v>13.1023</v>
      </c>
      <c r="G12" s="17">
        <f>SUM('Daily Summary'!E13:E16)</f>
        <v>819419.58000000007</v>
      </c>
    </row>
    <row r="13" spans="2:9" ht="14.5" x14ac:dyDescent="0.35">
      <c r="B13" s="44">
        <f>WEEKNUM('Daily Summary'!B17,2)</f>
        <v>41</v>
      </c>
      <c r="C13" s="51">
        <f>'Daily Summary'!B17</f>
        <v>44473</v>
      </c>
      <c r="D13" s="51">
        <f>'Daily Summary'!B21</f>
        <v>44477</v>
      </c>
      <c r="E13" s="59">
        <f>SUM('Daily Summary'!C17:C21)</f>
        <v>73515</v>
      </c>
      <c r="F13" s="61">
        <f t="shared" si="0"/>
        <v>13.6106</v>
      </c>
      <c r="G13" s="60">
        <f>SUM('Daily Summary'!E17:E21)</f>
        <v>1000585.3</v>
      </c>
    </row>
    <row r="14" spans="2:9" ht="14.5" x14ac:dyDescent="0.35">
      <c r="B14" s="39">
        <f>WEEKNUM('Daily Summary'!B22,2)</f>
        <v>42</v>
      </c>
      <c r="C14" s="50">
        <f>'Daily Summary'!B22</f>
        <v>44480</v>
      </c>
      <c r="D14" s="50">
        <f>'Daily Summary'!B26</f>
        <v>44484</v>
      </c>
      <c r="E14" s="66">
        <f>SUM('Daily Summary'!C22:C26)</f>
        <v>78500</v>
      </c>
      <c r="F14" s="54">
        <f t="shared" si="0"/>
        <v>13.7102</v>
      </c>
      <c r="G14" s="67">
        <f>SUM('Daily Summary'!E22:E26)</f>
        <v>1076248.8</v>
      </c>
    </row>
    <row r="15" spans="2:9" ht="14.5" x14ac:dyDescent="0.35">
      <c r="B15" s="44">
        <f>WEEKNUM('Daily Summary'!B27,2)</f>
        <v>43</v>
      </c>
      <c r="C15" s="51">
        <f>'Daily Summary'!B27</f>
        <v>44487</v>
      </c>
      <c r="D15" s="51">
        <f>'Daily Summary'!B31</f>
        <v>44491</v>
      </c>
      <c r="E15" s="59">
        <f>SUM('Daily Summary'!C27:C31)</f>
        <v>74217</v>
      </c>
      <c r="F15" s="61">
        <f t="shared" si="0"/>
        <v>13.6594</v>
      </c>
      <c r="G15" s="60">
        <f>SUM('Daily Summary'!E27:E31)</f>
        <v>1013762.4199999999</v>
      </c>
    </row>
    <row r="16" spans="2:9" ht="14.5" x14ac:dyDescent="0.35">
      <c r="B16" s="39">
        <f>WEEKNUM('Daily Summary'!B32,2)</f>
        <v>44</v>
      </c>
      <c r="C16" s="50">
        <f>'Daily Summary'!B32</f>
        <v>44494</v>
      </c>
      <c r="D16" s="50">
        <f>'Daily Summary'!B36</f>
        <v>44498</v>
      </c>
      <c r="E16" s="66">
        <f>SUM('Daily Summary'!C32:C36)</f>
        <v>77242</v>
      </c>
      <c r="F16" s="69">
        <f t="shared" si="0"/>
        <v>13.207000000000001</v>
      </c>
      <c r="G16" s="67">
        <f>SUM('Daily Summary'!E32:E36)</f>
        <v>1020135.2200000001</v>
      </c>
    </row>
    <row r="17" spans="2:7" ht="14.5" x14ac:dyDescent="0.35">
      <c r="B17" s="44">
        <f>WEEKNUM('Daily Summary'!B37,2)</f>
        <v>45</v>
      </c>
      <c r="C17" s="51">
        <f>'Daily Summary'!B37</f>
        <v>44501</v>
      </c>
      <c r="D17" s="51">
        <f>'Daily Summary'!B41</f>
        <v>44505</v>
      </c>
      <c r="E17" s="59">
        <f>SUM('Daily Summary'!C37:C41)</f>
        <v>82827</v>
      </c>
      <c r="F17" s="72">
        <f t="shared" si="0"/>
        <v>12.727399999999999</v>
      </c>
      <c r="G17" s="60">
        <f>SUM('Daily Summary'!E37:E41)</f>
        <v>1054172.3800000001</v>
      </c>
    </row>
    <row r="18" spans="2:7" ht="14.5" hidden="1" x14ac:dyDescent="0.35">
      <c r="B18" s="39">
        <f>WEEKNUM('Daily Summary'!B42,2)</f>
        <v>46</v>
      </c>
      <c r="C18" s="50">
        <f>'Daily Summary'!B42</f>
        <v>44508</v>
      </c>
      <c r="D18" s="50">
        <f>'Daily Summary'!B46</f>
        <v>44512</v>
      </c>
      <c r="E18" s="40"/>
      <c r="F18" s="54"/>
      <c r="G18" s="41"/>
    </row>
    <row r="19" spans="2:7" ht="14.5" hidden="1" x14ac:dyDescent="0.35">
      <c r="B19" s="44">
        <f>WEEKNUM('Daily Summary'!B47,2)</f>
        <v>47</v>
      </c>
      <c r="C19" s="51">
        <f>'Daily Summary'!B47</f>
        <v>44515</v>
      </c>
      <c r="D19" s="51">
        <f>'Daily Summary'!B51</f>
        <v>44519</v>
      </c>
      <c r="E19" s="45"/>
      <c r="F19" s="61"/>
      <c r="G19" s="46"/>
    </row>
    <row r="20" spans="2:7" ht="14.5" hidden="1" x14ac:dyDescent="0.35">
      <c r="B20" s="39">
        <f>WEEKNUM('Daily Summary'!B52,2)</f>
        <v>48</v>
      </c>
      <c r="C20" s="50">
        <f>'Daily Summary'!B52</f>
        <v>44522</v>
      </c>
      <c r="D20" s="50">
        <f>'Daily Summary'!B56</f>
        <v>44526</v>
      </c>
      <c r="E20" s="40"/>
      <c r="F20" s="54"/>
      <c r="G20" s="41"/>
    </row>
    <row r="21" spans="2:7" ht="14.5" hidden="1" x14ac:dyDescent="0.35">
      <c r="B21" s="44">
        <f>WEEKNUM('Daily Summary'!B57,2)</f>
        <v>49</v>
      </c>
      <c r="C21" s="51">
        <f>'Daily Summary'!B57</f>
        <v>44529</v>
      </c>
      <c r="D21" s="51">
        <f>'Daily Summary'!B61</f>
        <v>44533</v>
      </c>
      <c r="E21" s="45"/>
      <c r="F21" s="61"/>
      <c r="G21" s="46"/>
    </row>
    <row r="22" spans="2:7" ht="14.5" hidden="1" x14ac:dyDescent="0.35">
      <c r="B22" s="39">
        <f>WEEKNUM('Daily Summary'!B62,2)</f>
        <v>50</v>
      </c>
      <c r="C22" s="50">
        <f>'Daily Summary'!B62</f>
        <v>44536</v>
      </c>
      <c r="D22" s="50">
        <f>'Daily Summary'!B66</f>
        <v>44540</v>
      </c>
      <c r="E22" s="40"/>
      <c r="F22" s="54"/>
      <c r="G22" s="41"/>
    </row>
    <row r="23" spans="2:7" ht="14.5" hidden="1" x14ac:dyDescent="0.35">
      <c r="B23" s="44">
        <f>WEEKNUM('Daily Summary'!B67,2)</f>
        <v>51</v>
      </c>
      <c r="C23" s="51">
        <f>'Daily Summary'!B67</f>
        <v>44543</v>
      </c>
      <c r="D23" s="51">
        <f>'Daily Summary'!B71</f>
        <v>44547</v>
      </c>
      <c r="E23" s="45"/>
      <c r="F23" s="61"/>
      <c r="G23" s="46"/>
    </row>
    <row r="24" spans="2:7" ht="14.5" hidden="1" x14ac:dyDescent="0.35">
      <c r="B24" s="39">
        <f>WEEKNUM('Daily Summary'!B72,2)</f>
        <v>52</v>
      </c>
      <c r="C24" s="50">
        <f>'Daily Summary'!B72</f>
        <v>44550</v>
      </c>
      <c r="D24" s="50">
        <f>'Daily Summary'!B76</f>
        <v>44554</v>
      </c>
      <c r="E24" s="40"/>
      <c r="F24" s="54"/>
      <c r="G24" s="41"/>
    </row>
    <row r="25" spans="2:7" ht="14.5" hidden="1" x14ac:dyDescent="0.35">
      <c r="B25" s="44">
        <f>WEEKNUM('Daily Summary'!B77,2)</f>
        <v>53</v>
      </c>
      <c r="C25" s="51">
        <f>'Daily Summary'!B77</f>
        <v>44557</v>
      </c>
      <c r="D25" s="51">
        <f>'Daily Summary'!B81</f>
        <v>44561</v>
      </c>
      <c r="E25" s="45"/>
      <c r="F25" s="61"/>
      <c r="G25" s="46"/>
    </row>
    <row r="26" spans="2:7" ht="14.5" hidden="1" x14ac:dyDescent="0.35">
      <c r="B26" s="39">
        <f>WEEKNUM('Daily Summary'!B82,2)</f>
        <v>2</v>
      </c>
      <c r="C26" s="50">
        <f>'Daily Summary'!B82</f>
        <v>44564</v>
      </c>
      <c r="D26" s="50">
        <f>'Daily Summary'!B86</f>
        <v>44568</v>
      </c>
      <c r="E26" s="40"/>
      <c r="F26" s="54"/>
      <c r="G26" s="41"/>
    </row>
    <row r="27" spans="2:7" ht="14.5" hidden="1" x14ac:dyDescent="0.35">
      <c r="B27" s="44">
        <f>WEEKNUM('Daily Summary'!B87,2)</f>
        <v>3</v>
      </c>
      <c r="C27" s="51">
        <f>'Daily Summary'!B87</f>
        <v>44571</v>
      </c>
      <c r="D27" s="51">
        <f>'Daily Summary'!B91</f>
        <v>44575</v>
      </c>
      <c r="E27" s="45"/>
      <c r="F27" s="61"/>
      <c r="G27" s="46"/>
    </row>
    <row r="28" spans="2:7" ht="14.5" hidden="1" x14ac:dyDescent="0.35">
      <c r="B28" s="39">
        <f>WEEKNUM('Daily Summary'!B92,2)</f>
        <v>4</v>
      </c>
      <c r="C28" s="50">
        <f>'Daily Summary'!B92</f>
        <v>44578</v>
      </c>
      <c r="D28" s="50">
        <f>'Daily Summary'!B96</f>
        <v>44582</v>
      </c>
      <c r="E28" s="40"/>
      <c r="F28" s="54"/>
      <c r="G28" s="41"/>
    </row>
    <row r="29" spans="2:7" ht="14.5" hidden="1" x14ac:dyDescent="0.35">
      <c r="B29" s="44">
        <f>WEEKNUM('Daily Summary'!B97,2)</f>
        <v>5</v>
      </c>
      <c r="C29" s="51">
        <f>'Daily Summary'!B97</f>
        <v>44585</v>
      </c>
      <c r="D29" s="51">
        <f>'Daily Summary'!B101</f>
        <v>44589</v>
      </c>
      <c r="E29" s="45"/>
      <c r="F29" s="61"/>
      <c r="G29" s="46"/>
    </row>
    <row r="30" spans="2:7" ht="14.5" hidden="1" x14ac:dyDescent="0.35">
      <c r="B30" s="39">
        <f>WEEKNUM('Daily Summary'!B102,2)</f>
        <v>6</v>
      </c>
      <c r="C30" s="50">
        <f>'Daily Summary'!B102</f>
        <v>44592</v>
      </c>
      <c r="D30" s="50">
        <f>'Daily Summary'!B106</f>
        <v>44596</v>
      </c>
      <c r="E30" s="40"/>
      <c r="F30" s="54"/>
      <c r="G30" s="41"/>
    </row>
    <row r="31" spans="2:7" ht="14.5" hidden="1" x14ac:dyDescent="0.35">
      <c r="B31" s="44">
        <f>WEEKNUM('Daily Summary'!B107,2)</f>
        <v>7</v>
      </c>
      <c r="C31" s="51">
        <f>'Daily Summary'!B107</f>
        <v>44599</v>
      </c>
      <c r="D31" s="51">
        <f>'Daily Summary'!B111</f>
        <v>44603</v>
      </c>
      <c r="E31" s="45"/>
      <c r="F31" s="61"/>
      <c r="G31" s="46"/>
    </row>
    <row r="32" spans="2:7" ht="14.5" hidden="1" x14ac:dyDescent="0.35">
      <c r="B32" s="39">
        <f>WEEKNUM('Daily Summary'!B112,2)</f>
        <v>8</v>
      </c>
      <c r="C32" s="50">
        <f>'Daily Summary'!B112</f>
        <v>44606</v>
      </c>
      <c r="D32" s="50">
        <f>'Daily Summary'!B116</f>
        <v>44610</v>
      </c>
      <c r="E32" s="40"/>
      <c r="F32" s="54"/>
      <c r="G32" s="41"/>
    </row>
    <row r="33" spans="2:7" ht="14.5" hidden="1" x14ac:dyDescent="0.35">
      <c r="B33" s="44">
        <f>WEEKNUM('Daily Summary'!B117,2)</f>
        <v>9</v>
      </c>
      <c r="C33" s="51">
        <f>'Daily Summary'!B117</f>
        <v>44613</v>
      </c>
      <c r="D33" s="51">
        <f>'Daily Summary'!B121</f>
        <v>44617</v>
      </c>
      <c r="E33" s="45"/>
      <c r="F33" s="61"/>
      <c r="G33" s="46"/>
    </row>
    <row r="34" spans="2:7" ht="14.5" hidden="1" x14ac:dyDescent="0.35">
      <c r="B34" s="39">
        <f>WEEKNUM('Daily Summary'!B122,2)</f>
        <v>10</v>
      </c>
      <c r="C34" s="50">
        <f>'Daily Summary'!B122</f>
        <v>44620</v>
      </c>
      <c r="D34" s="50">
        <f>'Daily Summary'!B126</f>
        <v>44624</v>
      </c>
      <c r="E34" s="40"/>
      <c r="F34" s="54"/>
      <c r="G34" s="41"/>
    </row>
    <row r="35" spans="2:7" ht="14.5" hidden="1" x14ac:dyDescent="0.35">
      <c r="B35" s="44">
        <f>WEEKNUM('Daily Summary'!B127,2)</f>
        <v>11</v>
      </c>
      <c r="C35" s="51">
        <f>'Daily Summary'!B127</f>
        <v>44627</v>
      </c>
      <c r="D35" s="51">
        <f>'Daily Summary'!B131</f>
        <v>44631</v>
      </c>
      <c r="E35" s="45"/>
      <c r="F35" s="61"/>
      <c r="G35" s="46"/>
    </row>
    <row r="36" spans="2:7" ht="14.5" hidden="1" x14ac:dyDescent="0.35">
      <c r="B36" s="39">
        <f>WEEKNUM('Daily Summary'!B132,2)</f>
        <v>12</v>
      </c>
      <c r="C36" s="50">
        <f>'Daily Summary'!B132</f>
        <v>44634</v>
      </c>
      <c r="D36" s="50">
        <f>'Daily Summary'!B136</f>
        <v>44638</v>
      </c>
      <c r="E36" s="40"/>
      <c r="F36" s="54"/>
      <c r="G36" s="41"/>
    </row>
    <row r="37" spans="2:7" ht="14.5" hidden="1" x14ac:dyDescent="0.35">
      <c r="B37" s="44">
        <f>WEEKNUM('Daily Summary'!B137,2)</f>
        <v>13</v>
      </c>
      <c r="C37" s="51">
        <f>'Daily Summary'!B137</f>
        <v>44641</v>
      </c>
      <c r="D37" s="51">
        <f>'Daily Summary'!B141</f>
        <v>44645</v>
      </c>
      <c r="E37" s="45"/>
      <c r="F37" s="61"/>
      <c r="G37" s="46"/>
    </row>
    <row r="38" spans="2:7" ht="14.5" hidden="1" x14ac:dyDescent="0.35">
      <c r="B38" s="39">
        <f>WEEKNUM('Daily Summary'!B142,2)</f>
        <v>14</v>
      </c>
      <c r="C38" s="50">
        <f>'Daily Summary'!B142</f>
        <v>44648</v>
      </c>
      <c r="D38" s="50">
        <f>'Daily Summary'!B146</f>
        <v>44652</v>
      </c>
      <c r="E38" s="40"/>
      <c r="F38" s="54"/>
      <c r="G38" s="41"/>
    </row>
    <row r="39" spans="2:7" ht="14.5" hidden="1" x14ac:dyDescent="0.35">
      <c r="B39" s="44">
        <f>WEEKNUM('Daily Summary'!B147,2)</f>
        <v>15</v>
      </c>
      <c r="C39" s="51">
        <f>'Daily Summary'!B147</f>
        <v>44655</v>
      </c>
      <c r="D39" s="51">
        <f>'Daily Summary'!B151</f>
        <v>44659</v>
      </c>
      <c r="E39" s="45"/>
      <c r="F39" s="61"/>
      <c r="G39" s="46"/>
    </row>
    <row r="40" spans="2:7" ht="14.5" hidden="1" x14ac:dyDescent="0.35">
      <c r="B40" s="39">
        <f>WEEKNUM('Daily Summary'!B152,2)</f>
        <v>16</v>
      </c>
      <c r="C40" s="50">
        <f>'Daily Summary'!B152</f>
        <v>44662</v>
      </c>
      <c r="D40" s="50">
        <f>'Daily Summary'!B155</f>
        <v>44665</v>
      </c>
      <c r="E40" s="40"/>
      <c r="F40" s="54"/>
      <c r="G40" s="41"/>
    </row>
    <row r="41" spans="2:7" ht="14.5" hidden="1" x14ac:dyDescent="0.35">
      <c r="B41" s="44">
        <f>WEEKNUM('Daily Summary'!B156,2)</f>
        <v>17</v>
      </c>
      <c r="C41" s="51">
        <f>'Daily Summary'!B156</f>
        <v>44670</v>
      </c>
      <c r="D41" s="51">
        <f>'Daily Summary'!B159</f>
        <v>44673</v>
      </c>
      <c r="E41" s="45"/>
      <c r="F41" s="61"/>
      <c r="G41" s="46"/>
    </row>
    <row r="42" spans="2:7" ht="14.5" hidden="1" x14ac:dyDescent="0.35">
      <c r="B42" s="39">
        <f>WEEKNUM('Daily Summary'!B160,2)</f>
        <v>18</v>
      </c>
      <c r="C42" s="50">
        <f>'Daily Summary'!B160</f>
        <v>44676</v>
      </c>
      <c r="D42" s="50">
        <f>'Daily Summary'!B164</f>
        <v>44680</v>
      </c>
      <c r="E42" s="40"/>
      <c r="F42" s="54"/>
      <c r="G42" s="41"/>
    </row>
    <row r="43" spans="2:7" ht="14.5" hidden="1" x14ac:dyDescent="0.35">
      <c r="B43" s="44">
        <f>WEEKNUM('Daily Summary'!B165,2)</f>
        <v>19</v>
      </c>
      <c r="C43" s="51">
        <f>'Daily Summary'!B165</f>
        <v>44683</v>
      </c>
      <c r="D43" s="51">
        <f>'Daily Summary'!B169</f>
        <v>44687</v>
      </c>
      <c r="E43" s="45"/>
      <c r="F43" s="61"/>
      <c r="G43" s="46"/>
    </row>
    <row r="44" spans="2:7" ht="14.5" hidden="1" x14ac:dyDescent="0.35">
      <c r="B44" s="39">
        <f>WEEKNUM('Daily Summary'!B170,2)</f>
        <v>20</v>
      </c>
      <c r="C44" s="50">
        <f>'Daily Summary'!B170</f>
        <v>44690</v>
      </c>
      <c r="D44" s="50">
        <f>'Daily Summary'!B174</f>
        <v>44694</v>
      </c>
      <c r="E44" s="40"/>
      <c r="F44" s="54"/>
      <c r="G44" s="41"/>
    </row>
    <row r="45" spans="2:7" ht="14.5" hidden="1" x14ac:dyDescent="0.35">
      <c r="B45" s="44">
        <f>WEEKNUM('Daily Summary'!B175,2)</f>
        <v>21</v>
      </c>
      <c r="C45" s="51">
        <f>'Daily Summary'!B175</f>
        <v>44697</v>
      </c>
      <c r="D45" s="51">
        <f>'Daily Summary'!B179</f>
        <v>44701</v>
      </c>
      <c r="E45" s="45"/>
      <c r="F45" s="61"/>
      <c r="G45" s="46"/>
    </row>
    <row r="46" spans="2:7" ht="14.5" hidden="1" x14ac:dyDescent="0.35">
      <c r="B46" s="39">
        <f>WEEKNUM('Daily Summary'!B180,2)</f>
        <v>22</v>
      </c>
      <c r="C46" s="50">
        <f>'Daily Summary'!B180</f>
        <v>44704</v>
      </c>
      <c r="D46" s="50">
        <f>'Daily Summary'!B184</f>
        <v>44708</v>
      </c>
      <c r="E46" s="40"/>
      <c r="F46" s="54"/>
      <c r="G46" s="41"/>
    </row>
    <row r="47" spans="2:7" ht="14.5" hidden="1" x14ac:dyDescent="0.35">
      <c r="B47" s="44">
        <f>WEEKNUM('Daily Summary'!B185,2)</f>
        <v>23</v>
      </c>
      <c r="C47" s="51">
        <f>'Daily Summary'!B185</f>
        <v>44711</v>
      </c>
      <c r="D47" s="51">
        <f>'Daily Summary'!B189</f>
        <v>44715</v>
      </c>
      <c r="E47" s="45"/>
      <c r="F47" s="61"/>
      <c r="G47" s="46"/>
    </row>
    <row r="48" spans="2:7" ht="14.5" hidden="1" x14ac:dyDescent="0.35">
      <c r="B48" s="39">
        <f>WEEKNUM('Daily Summary'!B190,2)</f>
        <v>24</v>
      </c>
      <c r="C48" s="50">
        <f>'Daily Summary'!B190</f>
        <v>44718</v>
      </c>
      <c r="D48" s="50">
        <f>'Daily Summary'!B194</f>
        <v>44722</v>
      </c>
      <c r="E48" s="40"/>
      <c r="F48" s="54"/>
      <c r="G48" s="41"/>
    </row>
    <row r="49" spans="2:7" ht="14.5" hidden="1" x14ac:dyDescent="0.35">
      <c r="B49" s="44">
        <f>WEEKNUM('Daily Summary'!B195,2)</f>
        <v>25</v>
      </c>
      <c r="C49" s="51">
        <f>'Daily Summary'!B195</f>
        <v>44725</v>
      </c>
      <c r="D49" s="51">
        <f>'Daily Summary'!B199</f>
        <v>44729</v>
      </c>
      <c r="E49" s="45"/>
      <c r="F49" s="61"/>
      <c r="G49" s="46"/>
    </row>
    <row r="50" spans="2:7" ht="14.5" hidden="1" x14ac:dyDescent="0.35">
      <c r="B50" s="39">
        <f>WEEKNUM('Daily Summary'!B200,2)</f>
        <v>26</v>
      </c>
      <c r="C50" s="50">
        <f>'Daily Summary'!B200</f>
        <v>44732</v>
      </c>
      <c r="D50" s="50">
        <f>'Daily Summary'!B204</f>
        <v>44736</v>
      </c>
      <c r="E50" s="40"/>
      <c r="F50" s="54"/>
      <c r="G50" s="41"/>
    </row>
    <row r="51" spans="2:7" ht="14.5" hidden="1" x14ac:dyDescent="0.35">
      <c r="B51" s="44">
        <f>WEEKNUM('Daily Summary'!B205,2)</f>
        <v>27</v>
      </c>
      <c r="C51" s="51">
        <f>'Daily Summary'!B205</f>
        <v>44739</v>
      </c>
      <c r="D51" s="51">
        <f>'Daily Summary'!B209</f>
        <v>44743</v>
      </c>
      <c r="E51" s="45"/>
      <c r="F51" s="61"/>
      <c r="G51" s="46"/>
    </row>
    <row r="52" spans="2:7" ht="14.5" hidden="1" x14ac:dyDescent="0.35">
      <c r="B52" s="39">
        <f>WEEKNUM('Daily Summary'!B210,2)</f>
        <v>28</v>
      </c>
      <c r="C52" s="50">
        <f>'Daily Summary'!B210</f>
        <v>44746</v>
      </c>
      <c r="D52" s="50">
        <f>'Daily Summary'!B214</f>
        <v>44750</v>
      </c>
      <c r="E52" s="40"/>
      <c r="F52" s="54"/>
      <c r="G52" s="41"/>
    </row>
    <row r="53" spans="2:7" ht="14.5" hidden="1" x14ac:dyDescent="0.35">
      <c r="B53" s="44">
        <f>WEEKNUM('Daily Summary'!B215,2)</f>
        <v>29</v>
      </c>
      <c r="C53" s="51">
        <f>'Daily Summary'!B215</f>
        <v>44753</v>
      </c>
      <c r="D53" s="51">
        <f>'Daily Summary'!B219</f>
        <v>44757</v>
      </c>
      <c r="E53" s="45"/>
      <c r="F53" s="61"/>
      <c r="G53" s="46"/>
    </row>
    <row r="54" spans="2:7" ht="14.5" hidden="1" x14ac:dyDescent="0.35">
      <c r="B54" s="39">
        <f>WEEKNUM('Daily Summary'!B220,2)</f>
        <v>30</v>
      </c>
      <c r="C54" s="50">
        <f>'Daily Summary'!B220</f>
        <v>44760</v>
      </c>
      <c r="D54" s="50">
        <f>'Daily Summary'!B224</f>
        <v>44764</v>
      </c>
      <c r="E54" s="40"/>
      <c r="F54" s="54"/>
      <c r="G54" s="41"/>
    </row>
    <row r="55" spans="2:7" ht="14.5" hidden="1" x14ac:dyDescent="0.35">
      <c r="B55" s="44">
        <f>WEEKNUM('Daily Summary'!B225,2)</f>
        <v>31</v>
      </c>
      <c r="C55" s="51">
        <f>'Daily Summary'!B225</f>
        <v>44767</v>
      </c>
      <c r="D55" s="51">
        <f>'Daily Summary'!B229</f>
        <v>44771</v>
      </c>
      <c r="E55" s="45"/>
      <c r="F55" s="61"/>
      <c r="G55" s="46"/>
    </row>
    <row r="56" spans="2:7" ht="14.5" hidden="1" x14ac:dyDescent="0.35">
      <c r="B56" s="39">
        <f>WEEKNUM('Daily Summary'!B230,2)</f>
        <v>32</v>
      </c>
      <c r="C56" s="50">
        <f>'Daily Summary'!B230</f>
        <v>44774</v>
      </c>
      <c r="D56" s="50">
        <f>'Daily Summary'!B234</f>
        <v>44778</v>
      </c>
      <c r="E56" s="40"/>
      <c r="F56" s="54"/>
      <c r="G56" s="41"/>
    </row>
    <row r="57" spans="2:7" ht="14.5" hidden="1" x14ac:dyDescent="0.35">
      <c r="B57" s="44">
        <f>WEEKNUM('Daily Summary'!B235,2)</f>
        <v>33</v>
      </c>
      <c r="C57" s="51">
        <f>'Daily Summary'!B235</f>
        <v>44781</v>
      </c>
      <c r="D57" s="51">
        <f>'Daily Summary'!B239</f>
        <v>44785</v>
      </c>
      <c r="E57" s="45"/>
      <c r="F57" s="61"/>
      <c r="G57" s="46"/>
    </row>
    <row r="58" spans="2:7" ht="14.5" hidden="1" x14ac:dyDescent="0.35">
      <c r="B58" s="39">
        <f>WEEKNUM('Daily Summary'!B240,2)</f>
        <v>34</v>
      </c>
      <c r="C58" s="50">
        <f>'Daily Summary'!B240</f>
        <v>44788</v>
      </c>
      <c r="D58" s="50">
        <f>'Daily Summary'!B244</f>
        <v>44792</v>
      </c>
      <c r="E58" s="40"/>
      <c r="F58" s="54"/>
      <c r="G58" s="41"/>
    </row>
    <row r="59" spans="2:7" ht="14.5" hidden="1" x14ac:dyDescent="0.35">
      <c r="B59" s="44">
        <f>WEEKNUM('Daily Summary'!B245,2)</f>
        <v>35</v>
      </c>
      <c r="C59" s="51">
        <f>'Daily Summary'!B245</f>
        <v>44795</v>
      </c>
      <c r="D59" s="51">
        <f>'Daily Summary'!B249</f>
        <v>44799</v>
      </c>
      <c r="E59" s="45"/>
      <c r="F59" s="61"/>
      <c r="G59" s="46"/>
    </row>
    <row r="60" spans="2:7" ht="14.5" hidden="1" x14ac:dyDescent="0.35">
      <c r="B60" s="39">
        <f>WEEKNUM('Daily Summary'!B250,2)</f>
        <v>36</v>
      </c>
      <c r="C60" s="50">
        <f>'Daily Summary'!B250</f>
        <v>44802</v>
      </c>
      <c r="D60" s="50">
        <f>'Daily Summary'!B254</f>
        <v>44806</v>
      </c>
      <c r="E60" s="40"/>
      <c r="F60" s="54"/>
      <c r="G60" s="41"/>
    </row>
    <row r="61" spans="2:7" ht="14.5" hidden="1" x14ac:dyDescent="0.35">
      <c r="B61" s="44">
        <f>WEEKNUM('Daily Summary'!B255,2)</f>
        <v>37</v>
      </c>
      <c r="C61" s="51">
        <f>'Daily Summary'!B255</f>
        <v>44809</v>
      </c>
      <c r="D61" s="51">
        <f>'Daily Summary'!B259</f>
        <v>44813</v>
      </c>
      <c r="E61" s="45"/>
      <c r="F61" s="61"/>
      <c r="G61" s="46"/>
    </row>
    <row r="62" spans="2:7" ht="14.5" hidden="1" x14ac:dyDescent="0.35">
      <c r="B62" s="39">
        <f>WEEKNUM('Daily Summary'!B260,2)</f>
        <v>38</v>
      </c>
      <c r="C62" s="50">
        <f>'Daily Summary'!B260</f>
        <v>44816</v>
      </c>
      <c r="D62" s="50">
        <f>'Daily Summary'!B264</f>
        <v>44820</v>
      </c>
      <c r="E62" s="40"/>
      <c r="F62" s="54"/>
      <c r="G62" s="41"/>
    </row>
    <row r="63" spans="2:7" ht="14.5" hidden="1" x14ac:dyDescent="0.35">
      <c r="B63" s="44">
        <f>WEEKNUM('Daily Summary'!B265,2)</f>
        <v>39</v>
      </c>
      <c r="C63" s="51">
        <f>'Daily Summary'!B265</f>
        <v>44823</v>
      </c>
      <c r="D63" s="51">
        <f>'Daily Summary'!B269</f>
        <v>44827</v>
      </c>
      <c r="E63" s="45"/>
      <c r="F63" s="61"/>
      <c r="G63" s="46"/>
    </row>
    <row r="64" spans="2:7" ht="14.5" hidden="1" x14ac:dyDescent="0.35">
      <c r="B64" s="39">
        <f>WEEKNUM('Daily Summary'!B270,2)</f>
        <v>40</v>
      </c>
      <c r="C64" s="50">
        <f>'Daily Summary'!B270</f>
        <v>44830</v>
      </c>
      <c r="D64" s="50">
        <f>'Daily Summary'!B274</f>
        <v>44834</v>
      </c>
      <c r="E64" s="40"/>
      <c r="F64" s="54"/>
      <c r="G64" s="41"/>
    </row>
    <row r="65" spans="2:7" ht="14.5" hidden="1" x14ac:dyDescent="0.35">
      <c r="B65" s="44">
        <f>WEEKNUM('Daily Summary'!B275,2)</f>
        <v>41</v>
      </c>
      <c r="C65" s="51">
        <f>'Daily Summary'!B275</f>
        <v>44837</v>
      </c>
      <c r="D65" s="51">
        <f>'Daily Summary'!B279</f>
        <v>44841</v>
      </c>
      <c r="E65" s="45"/>
      <c r="F65" s="61"/>
      <c r="G65" s="46"/>
    </row>
    <row r="66" spans="2:7" ht="14.5" hidden="1" x14ac:dyDescent="0.35">
      <c r="B66" s="39">
        <f>WEEKNUM('Daily Summary'!B280,2)</f>
        <v>42</v>
      </c>
      <c r="C66" s="50">
        <f>'Daily Summary'!B280</f>
        <v>44844</v>
      </c>
      <c r="D66" s="50">
        <f>'Daily Summary'!B284</f>
        <v>44848</v>
      </c>
      <c r="E66" s="40"/>
      <c r="F66" s="54"/>
      <c r="G66" s="41"/>
    </row>
    <row r="67" spans="2:7" ht="14.5" hidden="1" x14ac:dyDescent="0.35">
      <c r="B67" s="44">
        <f>WEEKNUM('Daily Summary'!B285,2)</f>
        <v>43</v>
      </c>
      <c r="C67" s="51">
        <f>'Daily Summary'!B285</f>
        <v>44851</v>
      </c>
      <c r="D67" s="51">
        <f>'Daily Summary'!B289</f>
        <v>44855</v>
      </c>
      <c r="E67" s="45"/>
      <c r="F67" s="61"/>
      <c r="G67" s="46"/>
    </row>
    <row r="68" spans="2:7" ht="14.5" hidden="1" x14ac:dyDescent="0.35">
      <c r="B68" s="39">
        <f>WEEKNUM('Daily Summary'!B290,2)</f>
        <v>44</v>
      </c>
      <c r="C68" s="50">
        <f>'Daily Summary'!B290</f>
        <v>44858</v>
      </c>
      <c r="D68" s="50">
        <f>'Daily Summary'!B294</f>
        <v>44862</v>
      </c>
      <c r="E68" s="40"/>
      <c r="F68" s="54"/>
      <c r="G68" s="41"/>
    </row>
    <row r="69" spans="2:7" ht="14.5" hidden="1" x14ac:dyDescent="0.35">
      <c r="B69" s="44">
        <f>WEEKNUM('Daily Summary'!B295,2)</f>
        <v>45</v>
      </c>
      <c r="C69" s="51">
        <f>'Daily Summary'!B295</f>
        <v>44865</v>
      </c>
      <c r="D69" s="51">
        <f>'Daily Summary'!B299</f>
        <v>44869</v>
      </c>
      <c r="E69" s="45"/>
      <c r="F69" s="61"/>
      <c r="G69" s="46"/>
    </row>
    <row r="70" spans="2:7" ht="14.5" hidden="1" x14ac:dyDescent="0.35">
      <c r="B70" s="39">
        <f>WEEKNUM('Daily Summary'!B300,2)</f>
        <v>46</v>
      </c>
      <c r="C70" s="50">
        <f>'Daily Summary'!B300</f>
        <v>44872</v>
      </c>
      <c r="D70" s="50">
        <f>'Daily Summary'!B304</f>
        <v>44876</v>
      </c>
      <c r="E70" s="40"/>
      <c r="F70" s="54"/>
      <c r="G70" s="41"/>
    </row>
    <row r="71" spans="2:7" ht="14.5" hidden="1" x14ac:dyDescent="0.35">
      <c r="B71" s="47">
        <f>WEEKNUM('Daily Summary'!B305,2)</f>
        <v>47</v>
      </c>
      <c r="C71" s="52">
        <f>'Daily Summary'!B305</f>
        <v>44879</v>
      </c>
      <c r="D71" s="52"/>
      <c r="E71" s="48"/>
      <c r="F71" s="62"/>
      <c r="G71" s="49"/>
    </row>
    <row r="72" spans="2:7" x14ac:dyDescent="0.3">
      <c r="F72" s="63"/>
    </row>
    <row r="73" spans="2:7" x14ac:dyDescent="0.3">
      <c r="F73" s="63"/>
    </row>
    <row r="74" spans="2:7" x14ac:dyDescent="0.3">
      <c r="F74" s="63"/>
    </row>
    <row r="75" spans="2:7" x14ac:dyDescent="0.3">
      <c r="F75" s="63"/>
    </row>
    <row r="76" spans="2:7" x14ac:dyDescent="0.3">
      <c r="F76" s="63"/>
    </row>
    <row r="77" spans="2:7" x14ac:dyDescent="0.3">
      <c r="F77" s="63"/>
    </row>
    <row r="78" spans="2:7" x14ac:dyDescent="0.3">
      <c r="F78" s="63"/>
    </row>
    <row r="79" spans="2:7" x14ac:dyDescent="0.3">
      <c r="F79" s="63"/>
    </row>
    <row r="80" spans="2:7" x14ac:dyDescent="0.3">
      <c r="F80" s="63"/>
    </row>
    <row r="81" spans="6:6" x14ac:dyDescent="0.3">
      <c r="F81" s="63"/>
    </row>
    <row r="82" spans="6:6" x14ac:dyDescent="0.3">
      <c r="F82" s="63"/>
    </row>
    <row r="83" spans="6:6" x14ac:dyDescent="0.3">
      <c r="F83" s="63"/>
    </row>
    <row r="84" spans="6:6" x14ac:dyDescent="0.3">
      <c r="F84" s="63"/>
    </row>
    <row r="85" spans="6:6" x14ac:dyDescent="0.3">
      <c r="F85" s="63"/>
    </row>
    <row r="86" spans="6:6" x14ac:dyDescent="0.3">
      <c r="F86" s="63"/>
    </row>
    <row r="87" spans="6:6" x14ac:dyDescent="0.3">
      <c r="F87" s="63"/>
    </row>
    <row r="88" spans="6:6" x14ac:dyDescent="0.3">
      <c r="F88" s="63"/>
    </row>
    <row r="89" spans="6:6" x14ac:dyDescent="0.3">
      <c r="F89" s="63"/>
    </row>
    <row r="90" spans="6:6" x14ac:dyDescent="0.3">
      <c r="F90" s="63"/>
    </row>
    <row r="91" spans="6:6" x14ac:dyDescent="0.3">
      <c r="F91" s="63"/>
    </row>
    <row r="92" spans="6:6" x14ac:dyDescent="0.3">
      <c r="F92" s="63"/>
    </row>
    <row r="93" spans="6:6" x14ac:dyDescent="0.3">
      <c r="F93" s="63"/>
    </row>
  </sheetData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H306"/>
  <sheetViews>
    <sheetView zoomScale="80" zoomScaleNormal="80" workbookViewId="0">
      <selection activeCell="I313" sqref="I313"/>
    </sheetView>
  </sheetViews>
  <sheetFormatPr defaultColWidth="9" defaultRowHeight="14.5" x14ac:dyDescent="0.35"/>
  <cols>
    <col min="1" max="1" width="3.75" style="1" customWidth="1"/>
    <col min="2" max="2" width="37.5" style="1" customWidth="1"/>
    <col min="3" max="3" width="18.08203125" style="1" customWidth="1"/>
    <col min="4" max="5" width="17.5" style="1" customWidth="1"/>
    <col min="6" max="6" width="7.83203125" style="1" customWidth="1"/>
    <col min="7" max="16384" width="9" style="1"/>
  </cols>
  <sheetData>
    <row r="2" spans="2:7" ht="21" x14ac:dyDescent="0.5">
      <c r="B2" s="3" t="s">
        <v>0</v>
      </c>
    </row>
    <row r="4" spans="2:7" x14ac:dyDescent="0.35">
      <c r="B4" s="4" t="s">
        <v>1</v>
      </c>
      <c r="C4" s="5"/>
    </row>
    <row r="5" spans="2:7" x14ac:dyDescent="0.35">
      <c r="B5" s="6" t="s">
        <v>2</v>
      </c>
      <c r="C5" s="23">
        <v>44466</v>
      </c>
    </row>
    <row r="6" spans="2:7" x14ac:dyDescent="0.35">
      <c r="B6" s="6" t="s">
        <v>3</v>
      </c>
      <c r="C6" s="24">
        <f>E306</f>
        <v>5984323.7000000002</v>
      </c>
    </row>
    <row r="7" spans="2:7" x14ac:dyDescent="0.35">
      <c r="B7" s="6" t="s">
        <v>4</v>
      </c>
      <c r="C7" s="25">
        <f>C6/100000000</f>
        <v>5.9843237000000001E-2</v>
      </c>
      <c r="G7"/>
    </row>
    <row r="8" spans="2:7" x14ac:dyDescent="0.35">
      <c r="B8" s="6" t="s">
        <v>5</v>
      </c>
      <c r="C8" s="10" t="s">
        <v>6</v>
      </c>
    </row>
    <row r="9" spans="2:7" x14ac:dyDescent="0.35">
      <c r="B9" s="7"/>
      <c r="C9" s="11" t="s">
        <v>17</v>
      </c>
    </row>
    <row r="11" spans="2:7" x14ac:dyDescent="0.35">
      <c r="B11" s="8"/>
      <c r="C11" s="9"/>
      <c r="D11" s="9"/>
      <c r="E11" s="5"/>
    </row>
    <row r="12" spans="2:7" ht="30" customHeight="1" x14ac:dyDescent="0.35">
      <c r="B12" s="12" t="s">
        <v>7</v>
      </c>
      <c r="C12" s="13" t="s">
        <v>18</v>
      </c>
      <c r="D12" s="13" t="s">
        <v>8</v>
      </c>
      <c r="E12" s="14" t="s">
        <v>9</v>
      </c>
    </row>
    <row r="13" spans="2:7" x14ac:dyDescent="0.35">
      <c r="B13" s="26">
        <v>44467</v>
      </c>
      <c r="C13" s="19">
        <v>16540</v>
      </c>
      <c r="D13" s="22">
        <v>12.977</v>
      </c>
      <c r="E13" s="17">
        <f>IF(D13="","",ROUND(C13*D13,2))</f>
        <v>214639.58</v>
      </c>
    </row>
    <row r="14" spans="2:7" x14ac:dyDescent="0.35">
      <c r="B14" s="27">
        <v>44468</v>
      </c>
      <c r="C14" s="20">
        <v>14500</v>
      </c>
      <c r="D14" s="10">
        <v>13.2174</v>
      </c>
      <c r="E14" s="17">
        <f>IF(D14="","",ROUND(C14*D14,2))</f>
        <v>191652.3</v>
      </c>
    </row>
    <row r="15" spans="2:7" x14ac:dyDescent="0.35">
      <c r="B15" s="27">
        <v>44469</v>
      </c>
      <c r="C15" s="20">
        <v>17000</v>
      </c>
      <c r="D15" s="10">
        <v>13.1107</v>
      </c>
      <c r="E15" s="17">
        <f>IF(D15="","",ROUND(C15*D15,2))</f>
        <v>222881.9</v>
      </c>
    </row>
    <row r="16" spans="2:7" x14ac:dyDescent="0.35">
      <c r="B16" s="28">
        <v>44470</v>
      </c>
      <c r="C16" s="21">
        <v>14500</v>
      </c>
      <c r="D16" s="11">
        <v>13.1204</v>
      </c>
      <c r="E16" s="18">
        <f>IF(D16="","",ROUND(C16*D16,2))</f>
        <v>190245.8</v>
      </c>
    </row>
    <row r="17" spans="2:8" x14ac:dyDescent="0.35">
      <c r="B17" s="26">
        <v>44473</v>
      </c>
      <c r="C17" s="19">
        <v>15000</v>
      </c>
      <c r="D17" s="22">
        <v>13.479699999999999</v>
      </c>
      <c r="E17" s="64">
        <f t="shared" ref="E17:E80" si="0">IF(D17="","",ROUND(C17*D17,2))</f>
        <v>202195.5</v>
      </c>
    </row>
    <row r="18" spans="2:8" x14ac:dyDescent="0.35">
      <c r="B18" s="26">
        <v>44474</v>
      </c>
      <c r="C18" s="20">
        <v>14650</v>
      </c>
      <c r="D18" s="10">
        <v>13.4459</v>
      </c>
      <c r="E18" s="65">
        <f t="shared" si="0"/>
        <v>196982.44</v>
      </c>
    </row>
    <row r="19" spans="2:8" x14ac:dyDescent="0.35">
      <c r="B19" s="26">
        <v>44475</v>
      </c>
      <c r="C19" s="20">
        <v>14175</v>
      </c>
      <c r="D19" s="10">
        <v>13.488899999999999</v>
      </c>
      <c r="E19" s="65">
        <f t="shared" si="0"/>
        <v>191205.16</v>
      </c>
    </row>
    <row r="20" spans="2:8" x14ac:dyDescent="0.35">
      <c r="B20" s="26">
        <v>44476</v>
      </c>
      <c r="C20" s="20">
        <v>13690</v>
      </c>
      <c r="D20" s="10">
        <v>13.7729</v>
      </c>
      <c r="E20" s="65">
        <f t="shared" si="0"/>
        <v>188551</v>
      </c>
    </row>
    <row r="21" spans="2:8" x14ac:dyDescent="0.35">
      <c r="B21" s="28">
        <v>44477</v>
      </c>
      <c r="C21" s="21">
        <v>16000</v>
      </c>
      <c r="D21" s="11">
        <v>13.853199999999999</v>
      </c>
      <c r="E21" s="18">
        <f t="shared" si="0"/>
        <v>221651.20000000001</v>
      </c>
    </row>
    <row r="22" spans="2:8" x14ac:dyDescent="0.35">
      <c r="B22" s="26">
        <v>44480</v>
      </c>
      <c r="C22" s="20">
        <v>16000</v>
      </c>
      <c r="D22" s="1">
        <v>13.7265</v>
      </c>
      <c r="E22" s="64">
        <f t="shared" si="0"/>
        <v>219624</v>
      </c>
    </row>
    <row r="23" spans="2:8" x14ac:dyDescent="0.35">
      <c r="B23" s="26">
        <v>44481</v>
      </c>
      <c r="C23" s="20">
        <v>16000</v>
      </c>
      <c r="D23" s="1">
        <v>13.646699999999999</v>
      </c>
      <c r="E23" s="65">
        <f t="shared" si="0"/>
        <v>218347.2</v>
      </c>
      <c r="H23" s="1" t="s">
        <v>25</v>
      </c>
    </row>
    <row r="24" spans="2:8" x14ac:dyDescent="0.35">
      <c r="B24" s="26">
        <v>44482</v>
      </c>
      <c r="C24" s="20">
        <v>15500</v>
      </c>
      <c r="D24" s="1">
        <v>13.560700000000001</v>
      </c>
      <c r="E24" s="65">
        <f t="shared" si="0"/>
        <v>210190.85</v>
      </c>
    </row>
    <row r="25" spans="2:8" x14ac:dyDescent="0.35">
      <c r="B25" s="26">
        <v>44483</v>
      </c>
      <c r="C25" s="20">
        <v>15500</v>
      </c>
      <c r="D25" s="1">
        <v>13.738099999999999</v>
      </c>
      <c r="E25" s="65">
        <f t="shared" si="0"/>
        <v>212940.55</v>
      </c>
    </row>
    <row r="26" spans="2:8" x14ac:dyDescent="0.35">
      <c r="B26" s="35">
        <v>44484</v>
      </c>
      <c r="C26" s="68">
        <v>15500</v>
      </c>
      <c r="D26" s="36">
        <v>13.8804</v>
      </c>
      <c r="E26" s="18">
        <f t="shared" si="0"/>
        <v>215146.2</v>
      </c>
    </row>
    <row r="27" spans="2:8" x14ac:dyDescent="0.35">
      <c r="B27" s="26">
        <v>44487</v>
      </c>
      <c r="C27" s="20">
        <v>15000</v>
      </c>
      <c r="D27" s="1">
        <v>13.868499999999999</v>
      </c>
      <c r="E27" s="64">
        <f t="shared" si="0"/>
        <v>208027.5</v>
      </c>
    </row>
    <row r="28" spans="2:8" x14ac:dyDescent="0.35">
      <c r="B28" s="26">
        <v>44488</v>
      </c>
      <c r="C28" s="20">
        <v>15000</v>
      </c>
      <c r="D28" s="1">
        <v>13.900499999999999</v>
      </c>
      <c r="E28" s="65">
        <f t="shared" si="0"/>
        <v>208507.5</v>
      </c>
    </row>
    <row r="29" spans="2:8" x14ac:dyDescent="0.35">
      <c r="B29" s="26">
        <v>44489</v>
      </c>
      <c r="C29" s="20">
        <v>15000</v>
      </c>
      <c r="D29" s="1">
        <v>13.8405</v>
      </c>
      <c r="E29" s="65">
        <f t="shared" si="0"/>
        <v>207607.5</v>
      </c>
    </row>
    <row r="30" spans="2:8" x14ac:dyDescent="0.35">
      <c r="B30" s="26">
        <v>44490</v>
      </c>
      <c r="C30" s="20">
        <v>14810</v>
      </c>
      <c r="D30" s="1">
        <v>13.3271</v>
      </c>
      <c r="E30" s="65">
        <f t="shared" si="0"/>
        <v>197374.35</v>
      </c>
    </row>
    <row r="31" spans="2:8" x14ac:dyDescent="0.35">
      <c r="B31" s="35">
        <v>44491</v>
      </c>
      <c r="C31" s="68">
        <v>14407</v>
      </c>
      <c r="D31" s="36">
        <v>13.3439</v>
      </c>
      <c r="E31" s="18">
        <f t="shared" si="0"/>
        <v>192245.57</v>
      </c>
    </row>
    <row r="32" spans="2:8" x14ac:dyDescent="0.35">
      <c r="B32" s="26">
        <v>44494</v>
      </c>
      <c r="C32" s="20">
        <v>15500</v>
      </c>
      <c r="D32" s="1">
        <v>13.262499999999999</v>
      </c>
      <c r="E32" s="64">
        <f t="shared" si="0"/>
        <v>205568.75</v>
      </c>
    </row>
    <row r="33" spans="2:5" x14ac:dyDescent="0.35">
      <c r="B33" s="26">
        <v>44495</v>
      </c>
      <c r="C33" s="20">
        <v>15500</v>
      </c>
      <c r="D33" s="1">
        <v>13.248200000000001</v>
      </c>
      <c r="E33" s="65">
        <f t="shared" si="0"/>
        <v>205347.1</v>
      </c>
    </row>
    <row r="34" spans="2:5" x14ac:dyDescent="0.35">
      <c r="B34" s="26">
        <v>44496</v>
      </c>
      <c r="C34" s="20">
        <v>15000</v>
      </c>
      <c r="D34" s="1">
        <v>13.1814</v>
      </c>
      <c r="E34" s="65">
        <f t="shared" si="0"/>
        <v>197721</v>
      </c>
    </row>
    <row r="35" spans="2:5" x14ac:dyDescent="0.35">
      <c r="B35" s="26">
        <v>44497</v>
      </c>
      <c r="C35" s="20">
        <v>15462</v>
      </c>
      <c r="D35" s="1">
        <v>13.164400000000001</v>
      </c>
      <c r="E35" s="65">
        <f t="shared" si="0"/>
        <v>203547.95</v>
      </c>
    </row>
    <row r="36" spans="2:5" x14ac:dyDescent="0.35">
      <c r="B36" s="35">
        <v>44498</v>
      </c>
      <c r="C36" s="21">
        <v>15780</v>
      </c>
      <c r="D36" s="36">
        <v>13.178100000000001</v>
      </c>
      <c r="E36" s="18">
        <f t="shared" si="0"/>
        <v>207950.42</v>
      </c>
    </row>
    <row r="37" spans="2:5" x14ac:dyDescent="0.35">
      <c r="B37" s="26">
        <v>44501</v>
      </c>
      <c r="C37" s="70">
        <v>16000</v>
      </c>
      <c r="D37" s="1">
        <v>13.1768</v>
      </c>
      <c r="E37" s="64">
        <f t="shared" si="0"/>
        <v>210828.79999999999</v>
      </c>
    </row>
    <row r="38" spans="2:5" x14ac:dyDescent="0.35">
      <c r="B38" s="26">
        <v>44502</v>
      </c>
      <c r="C38" s="70">
        <v>20030</v>
      </c>
      <c r="D38" s="1">
        <v>12.732100000000001</v>
      </c>
      <c r="E38" s="65">
        <f t="shared" si="0"/>
        <v>255023.96</v>
      </c>
    </row>
    <row r="39" spans="2:5" x14ac:dyDescent="0.35">
      <c r="B39" s="26">
        <v>44503</v>
      </c>
      <c r="C39" s="70">
        <v>15500</v>
      </c>
      <c r="D39" s="1">
        <v>12.5136</v>
      </c>
      <c r="E39" s="65">
        <f t="shared" si="0"/>
        <v>193960.8</v>
      </c>
    </row>
    <row r="40" spans="2:5" x14ac:dyDescent="0.35">
      <c r="B40" s="26">
        <v>44504</v>
      </c>
      <c r="C40" s="70">
        <v>15708</v>
      </c>
      <c r="D40" s="1">
        <v>12.464499999999999</v>
      </c>
      <c r="E40" s="65">
        <f t="shared" si="0"/>
        <v>195792.37</v>
      </c>
    </row>
    <row r="41" spans="2:5" x14ac:dyDescent="0.35">
      <c r="B41" s="35">
        <v>44505</v>
      </c>
      <c r="C41" s="71">
        <v>15589</v>
      </c>
      <c r="D41" s="36">
        <v>12.7376</v>
      </c>
      <c r="E41" s="18">
        <f t="shared" si="0"/>
        <v>198566.45</v>
      </c>
    </row>
    <row r="42" spans="2:5" hidden="1" x14ac:dyDescent="0.35">
      <c r="B42" s="26">
        <v>44508</v>
      </c>
      <c r="C42" s="33"/>
      <c r="E42" s="64" t="str">
        <f t="shared" si="0"/>
        <v/>
      </c>
    </row>
    <row r="43" spans="2:5" hidden="1" x14ac:dyDescent="0.35">
      <c r="B43" s="26">
        <v>44509</v>
      </c>
      <c r="C43" s="33"/>
      <c r="E43" s="65" t="str">
        <f t="shared" si="0"/>
        <v/>
      </c>
    </row>
    <row r="44" spans="2:5" hidden="1" x14ac:dyDescent="0.35">
      <c r="B44" s="26">
        <v>44510</v>
      </c>
      <c r="C44" s="33"/>
      <c r="E44" s="65" t="str">
        <f t="shared" si="0"/>
        <v/>
      </c>
    </row>
    <row r="45" spans="2:5" hidden="1" x14ac:dyDescent="0.35">
      <c r="B45" s="26">
        <v>44511</v>
      </c>
      <c r="C45" s="33"/>
      <c r="E45" s="65" t="str">
        <f t="shared" si="0"/>
        <v/>
      </c>
    </row>
    <row r="46" spans="2:5" hidden="1" x14ac:dyDescent="0.35">
      <c r="B46" s="35">
        <v>44512</v>
      </c>
      <c r="C46" s="34"/>
      <c r="D46" s="36"/>
      <c r="E46" s="18" t="str">
        <f t="shared" si="0"/>
        <v/>
      </c>
    </row>
    <row r="47" spans="2:5" hidden="1" x14ac:dyDescent="0.35">
      <c r="B47" s="26">
        <v>44515</v>
      </c>
      <c r="C47" s="33"/>
      <c r="E47" s="64" t="str">
        <f t="shared" si="0"/>
        <v/>
      </c>
    </row>
    <row r="48" spans="2:5" hidden="1" x14ac:dyDescent="0.35">
      <c r="B48" s="26">
        <v>44516</v>
      </c>
      <c r="C48" s="33"/>
      <c r="E48" s="65" t="str">
        <f t="shared" si="0"/>
        <v/>
      </c>
    </row>
    <row r="49" spans="2:5" hidden="1" x14ac:dyDescent="0.35">
      <c r="B49" s="26">
        <v>44517</v>
      </c>
      <c r="C49" s="33"/>
      <c r="E49" s="65" t="str">
        <f t="shared" si="0"/>
        <v/>
      </c>
    </row>
    <row r="50" spans="2:5" hidden="1" x14ac:dyDescent="0.35">
      <c r="B50" s="26">
        <v>44518</v>
      </c>
      <c r="C50" s="33"/>
      <c r="E50" s="65" t="str">
        <f t="shared" si="0"/>
        <v/>
      </c>
    </row>
    <row r="51" spans="2:5" hidden="1" x14ac:dyDescent="0.35">
      <c r="B51" s="35">
        <v>44519</v>
      </c>
      <c r="C51" s="34"/>
      <c r="D51" s="36"/>
      <c r="E51" s="18" t="str">
        <f t="shared" si="0"/>
        <v/>
      </c>
    </row>
    <row r="52" spans="2:5" hidden="1" x14ac:dyDescent="0.35">
      <c r="B52" s="26">
        <v>44522</v>
      </c>
      <c r="C52" s="33"/>
      <c r="E52" s="64" t="str">
        <f t="shared" si="0"/>
        <v/>
      </c>
    </row>
    <row r="53" spans="2:5" hidden="1" x14ac:dyDescent="0.35">
      <c r="B53" s="26">
        <v>44523</v>
      </c>
      <c r="C53" s="33"/>
      <c r="E53" s="65" t="str">
        <f t="shared" si="0"/>
        <v/>
      </c>
    </row>
    <row r="54" spans="2:5" hidden="1" x14ac:dyDescent="0.35">
      <c r="B54" s="26">
        <v>44524</v>
      </c>
      <c r="C54" s="33"/>
      <c r="E54" s="65" t="str">
        <f t="shared" si="0"/>
        <v/>
      </c>
    </row>
    <row r="55" spans="2:5" hidden="1" x14ac:dyDescent="0.35">
      <c r="B55" s="26">
        <v>44525</v>
      </c>
      <c r="C55" s="33"/>
      <c r="E55" s="65" t="str">
        <f t="shared" si="0"/>
        <v/>
      </c>
    </row>
    <row r="56" spans="2:5" hidden="1" x14ac:dyDescent="0.35">
      <c r="B56" s="35">
        <v>44526</v>
      </c>
      <c r="C56" s="34"/>
      <c r="D56" s="36"/>
      <c r="E56" s="18" t="str">
        <f t="shared" si="0"/>
        <v/>
      </c>
    </row>
    <row r="57" spans="2:5" hidden="1" x14ac:dyDescent="0.35">
      <c r="B57" s="26">
        <v>44529</v>
      </c>
      <c r="C57" s="33"/>
      <c r="E57" s="64" t="str">
        <f t="shared" si="0"/>
        <v/>
      </c>
    </row>
    <row r="58" spans="2:5" hidden="1" x14ac:dyDescent="0.35">
      <c r="B58" s="26">
        <v>44530</v>
      </c>
      <c r="C58" s="33"/>
      <c r="E58" s="65" t="str">
        <f t="shared" si="0"/>
        <v/>
      </c>
    </row>
    <row r="59" spans="2:5" hidden="1" x14ac:dyDescent="0.35">
      <c r="B59" s="26">
        <v>44531</v>
      </c>
      <c r="C59" s="33"/>
      <c r="E59" s="65" t="str">
        <f t="shared" si="0"/>
        <v/>
      </c>
    </row>
    <row r="60" spans="2:5" hidden="1" x14ac:dyDescent="0.35">
      <c r="B60" s="26">
        <v>44532</v>
      </c>
      <c r="C60" s="33"/>
      <c r="E60" s="65" t="str">
        <f t="shared" si="0"/>
        <v/>
      </c>
    </row>
    <row r="61" spans="2:5" hidden="1" x14ac:dyDescent="0.35">
      <c r="B61" s="35">
        <v>44533</v>
      </c>
      <c r="C61" s="34"/>
      <c r="D61" s="36"/>
      <c r="E61" s="18" t="str">
        <f t="shared" si="0"/>
        <v/>
      </c>
    </row>
    <row r="62" spans="2:5" hidden="1" x14ac:dyDescent="0.35">
      <c r="B62" s="26">
        <v>44536</v>
      </c>
      <c r="C62" s="33"/>
      <c r="E62" s="64" t="str">
        <f t="shared" si="0"/>
        <v/>
      </c>
    </row>
    <row r="63" spans="2:5" hidden="1" x14ac:dyDescent="0.35">
      <c r="B63" s="26">
        <v>44537</v>
      </c>
      <c r="C63" s="33"/>
      <c r="E63" s="65" t="str">
        <f t="shared" si="0"/>
        <v/>
      </c>
    </row>
    <row r="64" spans="2:5" hidden="1" x14ac:dyDescent="0.35">
      <c r="B64" s="26">
        <v>44538</v>
      </c>
      <c r="C64" s="33"/>
      <c r="E64" s="65" t="str">
        <f t="shared" si="0"/>
        <v/>
      </c>
    </row>
    <row r="65" spans="2:5" hidden="1" x14ac:dyDescent="0.35">
      <c r="B65" s="26">
        <v>44539</v>
      </c>
      <c r="C65" s="33"/>
      <c r="E65" s="65" t="str">
        <f t="shared" si="0"/>
        <v/>
      </c>
    </row>
    <row r="66" spans="2:5" hidden="1" x14ac:dyDescent="0.35">
      <c r="B66" s="35">
        <v>44540</v>
      </c>
      <c r="C66" s="34"/>
      <c r="D66" s="36"/>
      <c r="E66" s="18" t="str">
        <f t="shared" si="0"/>
        <v/>
      </c>
    </row>
    <row r="67" spans="2:5" hidden="1" x14ac:dyDescent="0.35">
      <c r="B67" s="26">
        <v>44543</v>
      </c>
      <c r="C67" s="33"/>
      <c r="E67" s="64" t="str">
        <f t="shared" si="0"/>
        <v/>
      </c>
    </row>
    <row r="68" spans="2:5" hidden="1" x14ac:dyDescent="0.35">
      <c r="B68" s="26">
        <v>44544</v>
      </c>
      <c r="C68" s="33"/>
      <c r="E68" s="65" t="str">
        <f t="shared" si="0"/>
        <v/>
      </c>
    </row>
    <row r="69" spans="2:5" hidden="1" x14ac:dyDescent="0.35">
      <c r="B69" s="26">
        <v>44545</v>
      </c>
      <c r="C69" s="33"/>
      <c r="E69" s="65" t="str">
        <f t="shared" si="0"/>
        <v/>
      </c>
    </row>
    <row r="70" spans="2:5" hidden="1" x14ac:dyDescent="0.35">
      <c r="B70" s="26">
        <v>44546</v>
      </c>
      <c r="C70" s="33"/>
      <c r="E70" s="65" t="str">
        <f t="shared" si="0"/>
        <v/>
      </c>
    </row>
    <row r="71" spans="2:5" hidden="1" x14ac:dyDescent="0.35">
      <c r="B71" s="35">
        <v>44547</v>
      </c>
      <c r="C71" s="34"/>
      <c r="D71" s="36"/>
      <c r="E71" s="18" t="str">
        <f t="shared" si="0"/>
        <v/>
      </c>
    </row>
    <row r="72" spans="2:5" hidden="1" x14ac:dyDescent="0.35">
      <c r="B72" s="26">
        <v>44550</v>
      </c>
      <c r="C72" s="33"/>
      <c r="E72" s="64" t="str">
        <f t="shared" si="0"/>
        <v/>
      </c>
    </row>
    <row r="73" spans="2:5" hidden="1" x14ac:dyDescent="0.35">
      <c r="B73" s="26">
        <v>44551</v>
      </c>
      <c r="C73" s="33"/>
      <c r="E73" s="65" t="str">
        <f t="shared" si="0"/>
        <v/>
      </c>
    </row>
    <row r="74" spans="2:5" hidden="1" x14ac:dyDescent="0.35">
      <c r="B74" s="26">
        <v>44552</v>
      </c>
      <c r="C74" s="33"/>
      <c r="E74" s="65" t="str">
        <f t="shared" si="0"/>
        <v/>
      </c>
    </row>
    <row r="75" spans="2:5" hidden="1" x14ac:dyDescent="0.35">
      <c r="B75" s="26">
        <v>44553</v>
      </c>
      <c r="C75" s="33"/>
      <c r="E75" s="65" t="str">
        <f t="shared" si="0"/>
        <v/>
      </c>
    </row>
    <row r="76" spans="2:5" hidden="1" x14ac:dyDescent="0.35">
      <c r="B76" s="35">
        <v>44554</v>
      </c>
      <c r="C76" s="34"/>
      <c r="D76" s="36"/>
      <c r="E76" s="18" t="str">
        <f t="shared" si="0"/>
        <v/>
      </c>
    </row>
    <row r="77" spans="2:5" hidden="1" x14ac:dyDescent="0.35">
      <c r="B77" s="26">
        <v>44557</v>
      </c>
      <c r="C77" s="33"/>
      <c r="E77" s="64" t="str">
        <f t="shared" si="0"/>
        <v/>
      </c>
    </row>
    <row r="78" spans="2:5" hidden="1" x14ac:dyDescent="0.35">
      <c r="B78" s="26">
        <v>44558</v>
      </c>
      <c r="C78" s="33"/>
      <c r="E78" s="65" t="str">
        <f t="shared" si="0"/>
        <v/>
      </c>
    </row>
    <row r="79" spans="2:5" hidden="1" x14ac:dyDescent="0.35">
      <c r="B79" s="26">
        <v>44559</v>
      </c>
      <c r="C79" s="33"/>
      <c r="E79" s="65" t="str">
        <f t="shared" si="0"/>
        <v/>
      </c>
    </row>
    <row r="80" spans="2:5" hidden="1" x14ac:dyDescent="0.35">
      <c r="B80" s="26">
        <v>44560</v>
      </c>
      <c r="C80" s="33"/>
      <c r="E80" s="65" t="str">
        <f t="shared" si="0"/>
        <v/>
      </c>
    </row>
    <row r="81" spans="2:5" hidden="1" x14ac:dyDescent="0.35">
      <c r="B81" s="35">
        <v>44561</v>
      </c>
      <c r="C81" s="34"/>
      <c r="D81" s="36"/>
      <c r="E81" s="18" t="str">
        <f t="shared" ref="E81:E144" si="1">IF(D81="","",ROUND(C81*D81,2))</f>
        <v/>
      </c>
    </row>
    <row r="82" spans="2:5" hidden="1" x14ac:dyDescent="0.35">
      <c r="B82" s="26">
        <v>44564</v>
      </c>
      <c r="C82" s="33"/>
      <c r="E82" s="64" t="str">
        <f t="shared" si="1"/>
        <v/>
      </c>
    </row>
    <row r="83" spans="2:5" hidden="1" x14ac:dyDescent="0.35">
      <c r="B83" s="26">
        <v>44565</v>
      </c>
      <c r="C83" s="33"/>
      <c r="E83" s="65" t="str">
        <f t="shared" si="1"/>
        <v/>
      </c>
    </row>
    <row r="84" spans="2:5" hidden="1" x14ac:dyDescent="0.35">
      <c r="B84" s="26">
        <v>44566</v>
      </c>
      <c r="C84" s="33"/>
      <c r="E84" s="65" t="str">
        <f t="shared" si="1"/>
        <v/>
      </c>
    </row>
    <row r="85" spans="2:5" hidden="1" x14ac:dyDescent="0.35">
      <c r="B85" s="26">
        <v>44567</v>
      </c>
      <c r="C85" s="33"/>
      <c r="E85" s="65" t="str">
        <f t="shared" si="1"/>
        <v/>
      </c>
    </row>
    <row r="86" spans="2:5" hidden="1" x14ac:dyDescent="0.35">
      <c r="B86" s="35">
        <v>44568</v>
      </c>
      <c r="C86" s="34"/>
      <c r="D86" s="36"/>
      <c r="E86" s="18" t="str">
        <f t="shared" si="1"/>
        <v/>
      </c>
    </row>
    <row r="87" spans="2:5" hidden="1" x14ac:dyDescent="0.35">
      <c r="B87" s="26">
        <v>44571</v>
      </c>
      <c r="C87" s="33"/>
      <c r="E87" s="64" t="str">
        <f t="shared" si="1"/>
        <v/>
      </c>
    </row>
    <row r="88" spans="2:5" hidden="1" x14ac:dyDescent="0.35">
      <c r="B88" s="26">
        <v>44572</v>
      </c>
      <c r="C88" s="33"/>
      <c r="E88" s="65" t="str">
        <f t="shared" si="1"/>
        <v/>
      </c>
    </row>
    <row r="89" spans="2:5" hidden="1" x14ac:dyDescent="0.35">
      <c r="B89" s="26">
        <v>44573</v>
      </c>
      <c r="C89" s="33"/>
      <c r="E89" s="65" t="str">
        <f t="shared" si="1"/>
        <v/>
      </c>
    </row>
    <row r="90" spans="2:5" hidden="1" x14ac:dyDescent="0.35">
      <c r="B90" s="26">
        <v>44574</v>
      </c>
      <c r="C90" s="33"/>
      <c r="E90" s="65" t="str">
        <f t="shared" si="1"/>
        <v/>
      </c>
    </row>
    <row r="91" spans="2:5" hidden="1" x14ac:dyDescent="0.35">
      <c r="B91" s="35">
        <v>44575</v>
      </c>
      <c r="C91" s="34"/>
      <c r="D91" s="36"/>
      <c r="E91" s="18" t="str">
        <f t="shared" si="1"/>
        <v/>
      </c>
    </row>
    <row r="92" spans="2:5" hidden="1" x14ac:dyDescent="0.35">
      <c r="B92" s="26">
        <v>44578</v>
      </c>
      <c r="C92" s="33"/>
      <c r="E92" s="64" t="str">
        <f t="shared" si="1"/>
        <v/>
      </c>
    </row>
    <row r="93" spans="2:5" hidden="1" x14ac:dyDescent="0.35">
      <c r="B93" s="26">
        <v>44579</v>
      </c>
      <c r="C93" s="33"/>
      <c r="E93" s="65" t="str">
        <f t="shared" si="1"/>
        <v/>
      </c>
    </row>
    <row r="94" spans="2:5" hidden="1" x14ac:dyDescent="0.35">
      <c r="B94" s="26">
        <v>44580</v>
      </c>
      <c r="C94" s="33"/>
      <c r="E94" s="65" t="str">
        <f t="shared" si="1"/>
        <v/>
      </c>
    </row>
    <row r="95" spans="2:5" hidden="1" x14ac:dyDescent="0.35">
      <c r="B95" s="26">
        <v>44581</v>
      </c>
      <c r="C95" s="33"/>
      <c r="E95" s="65" t="str">
        <f t="shared" si="1"/>
        <v/>
      </c>
    </row>
    <row r="96" spans="2:5" hidden="1" x14ac:dyDescent="0.35">
      <c r="B96" s="35">
        <v>44582</v>
      </c>
      <c r="C96" s="34"/>
      <c r="D96" s="36"/>
      <c r="E96" s="18" t="str">
        <f t="shared" si="1"/>
        <v/>
      </c>
    </row>
    <row r="97" spans="2:5" hidden="1" x14ac:dyDescent="0.35">
      <c r="B97" s="26">
        <v>44585</v>
      </c>
      <c r="C97" s="33"/>
      <c r="E97" s="64" t="str">
        <f t="shared" si="1"/>
        <v/>
      </c>
    </row>
    <row r="98" spans="2:5" hidden="1" x14ac:dyDescent="0.35">
      <c r="B98" s="26">
        <v>44586</v>
      </c>
      <c r="C98" s="33"/>
      <c r="E98" s="65" t="str">
        <f t="shared" si="1"/>
        <v/>
      </c>
    </row>
    <row r="99" spans="2:5" hidden="1" x14ac:dyDescent="0.35">
      <c r="B99" s="26">
        <v>44587</v>
      </c>
      <c r="C99" s="33"/>
      <c r="E99" s="65" t="str">
        <f t="shared" si="1"/>
        <v/>
      </c>
    </row>
    <row r="100" spans="2:5" hidden="1" x14ac:dyDescent="0.35">
      <c r="B100" s="26">
        <v>44588</v>
      </c>
      <c r="C100" s="33"/>
      <c r="E100" s="65" t="str">
        <f t="shared" si="1"/>
        <v/>
      </c>
    </row>
    <row r="101" spans="2:5" hidden="1" x14ac:dyDescent="0.35">
      <c r="B101" s="35">
        <v>44589</v>
      </c>
      <c r="C101" s="34"/>
      <c r="D101" s="36"/>
      <c r="E101" s="18" t="str">
        <f t="shared" si="1"/>
        <v/>
      </c>
    </row>
    <row r="102" spans="2:5" hidden="1" x14ac:dyDescent="0.35">
      <c r="B102" s="26">
        <v>44592</v>
      </c>
      <c r="C102" s="33"/>
      <c r="E102" s="64" t="str">
        <f t="shared" si="1"/>
        <v/>
      </c>
    </row>
    <row r="103" spans="2:5" hidden="1" x14ac:dyDescent="0.35">
      <c r="B103" s="26">
        <v>44593</v>
      </c>
      <c r="C103" s="33"/>
      <c r="E103" s="65" t="str">
        <f t="shared" si="1"/>
        <v/>
      </c>
    </row>
    <row r="104" spans="2:5" hidden="1" x14ac:dyDescent="0.35">
      <c r="B104" s="26">
        <v>44594</v>
      </c>
      <c r="C104" s="33"/>
      <c r="E104" s="65" t="str">
        <f t="shared" si="1"/>
        <v/>
      </c>
    </row>
    <row r="105" spans="2:5" hidden="1" x14ac:dyDescent="0.35">
      <c r="B105" s="26">
        <v>44595</v>
      </c>
      <c r="C105" s="33"/>
      <c r="E105" s="65" t="str">
        <f t="shared" si="1"/>
        <v/>
      </c>
    </row>
    <row r="106" spans="2:5" hidden="1" x14ac:dyDescent="0.35">
      <c r="B106" s="35">
        <v>44596</v>
      </c>
      <c r="C106" s="34"/>
      <c r="D106" s="36"/>
      <c r="E106" s="18" t="str">
        <f t="shared" si="1"/>
        <v/>
      </c>
    </row>
    <row r="107" spans="2:5" hidden="1" x14ac:dyDescent="0.35">
      <c r="B107" s="26">
        <v>44599</v>
      </c>
      <c r="C107" s="33"/>
      <c r="E107" s="64" t="str">
        <f t="shared" si="1"/>
        <v/>
      </c>
    </row>
    <row r="108" spans="2:5" hidden="1" x14ac:dyDescent="0.35">
      <c r="B108" s="26">
        <v>44600</v>
      </c>
      <c r="C108" s="33"/>
      <c r="E108" s="65" t="str">
        <f t="shared" si="1"/>
        <v/>
      </c>
    </row>
    <row r="109" spans="2:5" hidden="1" x14ac:dyDescent="0.35">
      <c r="B109" s="26">
        <v>44601</v>
      </c>
      <c r="C109" s="33"/>
      <c r="E109" s="65" t="str">
        <f t="shared" si="1"/>
        <v/>
      </c>
    </row>
    <row r="110" spans="2:5" hidden="1" x14ac:dyDescent="0.35">
      <c r="B110" s="26">
        <v>44602</v>
      </c>
      <c r="C110" s="33"/>
      <c r="E110" s="65" t="str">
        <f t="shared" si="1"/>
        <v/>
      </c>
    </row>
    <row r="111" spans="2:5" hidden="1" x14ac:dyDescent="0.35">
      <c r="B111" s="35">
        <v>44603</v>
      </c>
      <c r="C111" s="34"/>
      <c r="D111" s="36"/>
      <c r="E111" s="18" t="str">
        <f t="shared" si="1"/>
        <v/>
      </c>
    </row>
    <row r="112" spans="2:5" hidden="1" x14ac:dyDescent="0.35">
      <c r="B112" s="26">
        <v>44606</v>
      </c>
      <c r="C112" s="33"/>
      <c r="E112" s="64" t="str">
        <f t="shared" si="1"/>
        <v/>
      </c>
    </row>
    <row r="113" spans="2:5" hidden="1" x14ac:dyDescent="0.35">
      <c r="B113" s="26">
        <v>44607</v>
      </c>
      <c r="C113" s="33"/>
      <c r="E113" s="65" t="str">
        <f t="shared" si="1"/>
        <v/>
      </c>
    </row>
    <row r="114" spans="2:5" hidden="1" x14ac:dyDescent="0.35">
      <c r="B114" s="26">
        <v>44608</v>
      </c>
      <c r="C114" s="33"/>
      <c r="E114" s="65" t="str">
        <f t="shared" si="1"/>
        <v/>
      </c>
    </row>
    <row r="115" spans="2:5" hidden="1" x14ac:dyDescent="0.35">
      <c r="B115" s="26">
        <v>44609</v>
      </c>
      <c r="C115" s="33"/>
      <c r="E115" s="65" t="str">
        <f t="shared" si="1"/>
        <v/>
      </c>
    </row>
    <row r="116" spans="2:5" hidden="1" x14ac:dyDescent="0.35">
      <c r="B116" s="35">
        <v>44610</v>
      </c>
      <c r="C116" s="34"/>
      <c r="D116" s="36"/>
      <c r="E116" s="18" t="str">
        <f t="shared" si="1"/>
        <v/>
      </c>
    </row>
    <row r="117" spans="2:5" hidden="1" x14ac:dyDescent="0.35">
      <c r="B117" s="26">
        <v>44613</v>
      </c>
      <c r="C117" s="33"/>
      <c r="E117" s="64" t="str">
        <f t="shared" si="1"/>
        <v/>
      </c>
    </row>
    <row r="118" spans="2:5" hidden="1" x14ac:dyDescent="0.35">
      <c r="B118" s="26">
        <v>44614</v>
      </c>
      <c r="C118" s="33"/>
      <c r="E118" s="65" t="str">
        <f t="shared" si="1"/>
        <v/>
      </c>
    </row>
    <row r="119" spans="2:5" hidden="1" x14ac:dyDescent="0.35">
      <c r="B119" s="26">
        <v>44615</v>
      </c>
      <c r="C119" s="33"/>
      <c r="E119" s="65" t="str">
        <f t="shared" si="1"/>
        <v/>
      </c>
    </row>
    <row r="120" spans="2:5" hidden="1" x14ac:dyDescent="0.35">
      <c r="B120" s="26">
        <v>44616</v>
      </c>
      <c r="C120" s="33"/>
      <c r="E120" s="65" t="str">
        <f t="shared" si="1"/>
        <v/>
      </c>
    </row>
    <row r="121" spans="2:5" hidden="1" x14ac:dyDescent="0.35">
      <c r="B121" s="35">
        <v>44617</v>
      </c>
      <c r="C121" s="34"/>
      <c r="D121" s="36"/>
      <c r="E121" s="18" t="str">
        <f t="shared" si="1"/>
        <v/>
      </c>
    </row>
    <row r="122" spans="2:5" hidden="1" x14ac:dyDescent="0.35">
      <c r="B122" s="26">
        <v>44620</v>
      </c>
      <c r="C122" s="33"/>
      <c r="E122" s="64" t="str">
        <f t="shared" si="1"/>
        <v/>
      </c>
    </row>
    <row r="123" spans="2:5" hidden="1" x14ac:dyDescent="0.35">
      <c r="B123" s="26">
        <v>44621</v>
      </c>
      <c r="C123" s="33"/>
      <c r="E123" s="65" t="str">
        <f t="shared" si="1"/>
        <v/>
      </c>
    </row>
    <row r="124" spans="2:5" hidden="1" x14ac:dyDescent="0.35">
      <c r="B124" s="26">
        <v>44622</v>
      </c>
      <c r="C124" s="33"/>
      <c r="E124" s="65" t="str">
        <f t="shared" si="1"/>
        <v/>
      </c>
    </row>
    <row r="125" spans="2:5" hidden="1" x14ac:dyDescent="0.35">
      <c r="B125" s="26">
        <v>44623</v>
      </c>
      <c r="C125" s="33"/>
      <c r="E125" s="65" t="str">
        <f t="shared" si="1"/>
        <v/>
      </c>
    </row>
    <row r="126" spans="2:5" hidden="1" x14ac:dyDescent="0.35">
      <c r="B126" s="35">
        <v>44624</v>
      </c>
      <c r="C126" s="34"/>
      <c r="D126" s="36"/>
      <c r="E126" s="18" t="str">
        <f t="shared" si="1"/>
        <v/>
      </c>
    </row>
    <row r="127" spans="2:5" hidden="1" x14ac:dyDescent="0.35">
      <c r="B127" s="26">
        <v>44627</v>
      </c>
      <c r="C127" s="33"/>
      <c r="E127" s="64" t="str">
        <f t="shared" si="1"/>
        <v/>
      </c>
    </row>
    <row r="128" spans="2:5" hidden="1" x14ac:dyDescent="0.35">
      <c r="B128" s="26">
        <v>44628</v>
      </c>
      <c r="C128" s="33"/>
      <c r="E128" s="65" t="str">
        <f t="shared" si="1"/>
        <v/>
      </c>
    </row>
    <row r="129" spans="2:5" hidden="1" x14ac:dyDescent="0.35">
      <c r="B129" s="26">
        <v>44629</v>
      </c>
      <c r="C129" s="33"/>
      <c r="E129" s="65" t="str">
        <f t="shared" si="1"/>
        <v/>
      </c>
    </row>
    <row r="130" spans="2:5" hidden="1" x14ac:dyDescent="0.35">
      <c r="B130" s="26">
        <v>44630</v>
      </c>
      <c r="C130" s="33"/>
      <c r="E130" s="65" t="str">
        <f t="shared" si="1"/>
        <v/>
      </c>
    </row>
    <row r="131" spans="2:5" hidden="1" x14ac:dyDescent="0.35">
      <c r="B131" s="35">
        <v>44631</v>
      </c>
      <c r="C131" s="34"/>
      <c r="D131" s="36"/>
      <c r="E131" s="18" t="str">
        <f t="shared" si="1"/>
        <v/>
      </c>
    </row>
    <row r="132" spans="2:5" hidden="1" x14ac:dyDescent="0.35">
      <c r="B132" s="26">
        <v>44634</v>
      </c>
      <c r="C132" s="33"/>
      <c r="E132" s="64" t="str">
        <f t="shared" si="1"/>
        <v/>
      </c>
    </row>
    <row r="133" spans="2:5" hidden="1" x14ac:dyDescent="0.35">
      <c r="B133" s="26">
        <v>44635</v>
      </c>
      <c r="C133" s="33"/>
      <c r="E133" s="65" t="str">
        <f t="shared" si="1"/>
        <v/>
      </c>
    </row>
    <row r="134" spans="2:5" hidden="1" x14ac:dyDescent="0.35">
      <c r="B134" s="26">
        <v>44636</v>
      </c>
      <c r="C134" s="33"/>
      <c r="E134" s="65" t="str">
        <f t="shared" si="1"/>
        <v/>
      </c>
    </row>
    <row r="135" spans="2:5" hidden="1" x14ac:dyDescent="0.35">
      <c r="B135" s="26">
        <v>44637</v>
      </c>
      <c r="C135" s="33"/>
      <c r="E135" s="65" t="str">
        <f t="shared" si="1"/>
        <v/>
      </c>
    </row>
    <row r="136" spans="2:5" hidden="1" x14ac:dyDescent="0.35">
      <c r="B136" s="35">
        <v>44638</v>
      </c>
      <c r="C136" s="34"/>
      <c r="D136" s="36"/>
      <c r="E136" s="18" t="str">
        <f t="shared" si="1"/>
        <v/>
      </c>
    </row>
    <row r="137" spans="2:5" hidden="1" x14ac:dyDescent="0.35">
      <c r="B137" s="26">
        <v>44641</v>
      </c>
      <c r="C137" s="33"/>
      <c r="E137" s="64" t="str">
        <f t="shared" si="1"/>
        <v/>
      </c>
    </row>
    <row r="138" spans="2:5" hidden="1" x14ac:dyDescent="0.35">
      <c r="B138" s="26">
        <v>44642</v>
      </c>
      <c r="C138" s="33"/>
      <c r="E138" s="65" t="str">
        <f t="shared" si="1"/>
        <v/>
      </c>
    </row>
    <row r="139" spans="2:5" hidden="1" x14ac:dyDescent="0.35">
      <c r="B139" s="26">
        <v>44643</v>
      </c>
      <c r="C139" s="33"/>
      <c r="E139" s="65" t="str">
        <f t="shared" si="1"/>
        <v/>
      </c>
    </row>
    <row r="140" spans="2:5" hidden="1" x14ac:dyDescent="0.35">
      <c r="B140" s="26">
        <v>44644</v>
      </c>
      <c r="C140" s="33"/>
      <c r="E140" s="65" t="str">
        <f t="shared" si="1"/>
        <v/>
      </c>
    </row>
    <row r="141" spans="2:5" hidden="1" x14ac:dyDescent="0.35">
      <c r="B141" s="35">
        <v>44645</v>
      </c>
      <c r="C141" s="34"/>
      <c r="D141" s="36"/>
      <c r="E141" s="18" t="str">
        <f t="shared" si="1"/>
        <v/>
      </c>
    </row>
    <row r="142" spans="2:5" hidden="1" x14ac:dyDescent="0.35">
      <c r="B142" s="26">
        <v>44648</v>
      </c>
      <c r="C142" s="33"/>
      <c r="E142" s="64" t="str">
        <f t="shared" si="1"/>
        <v/>
      </c>
    </row>
    <row r="143" spans="2:5" hidden="1" x14ac:dyDescent="0.35">
      <c r="B143" s="26">
        <v>44649</v>
      </c>
      <c r="C143" s="33"/>
      <c r="E143" s="65" t="str">
        <f t="shared" si="1"/>
        <v/>
      </c>
    </row>
    <row r="144" spans="2:5" hidden="1" x14ac:dyDescent="0.35">
      <c r="B144" s="26">
        <v>44650</v>
      </c>
      <c r="C144" s="33"/>
      <c r="E144" s="65" t="str">
        <f t="shared" si="1"/>
        <v/>
      </c>
    </row>
    <row r="145" spans="2:5" hidden="1" x14ac:dyDescent="0.35">
      <c r="B145" s="26">
        <v>44651</v>
      </c>
      <c r="C145" s="33"/>
      <c r="E145" s="65" t="str">
        <f t="shared" ref="E145:E208" si="2">IF(D145="","",ROUND(C145*D145,2))</f>
        <v/>
      </c>
    </row>
    <row r="146" spans="2:5" hidden="1" x14ac:dyDescent="0.35">
      <c r="B146" s="35">
        <v>44652</v>
      </c>
      <c r="C146" s="34"/>
      <c r="D146" s="36"/>
      <c r="E146" s="18" t="str">
        <f t="shared" si="2"/>
        <v/>
      </c>
    </row>
    <row r="147" spans="2:5" hidden="1" x14ac:dyDescent="0.35">
      <c r="B147" s="26">
        <v>44655</v>
      </c>
      <c r="C147" s="33"/>
      <c r="E147" s="64" t="str">
        <f t="shared" si="2"/>
        <v/>
      </c>
    </row>
    <row r="148" spans="2:5" hidden="1" x14ac:dyDescent="0.35">
      <c r="B148" s="26">
        <v>44656</v>
      </c>
      <c r="C148" s="33"/>
      <c r="E148" s="65" t="str">
        <f t="shared" si="2"/>
        <v/>
      </c>
    </row>
    <row r="149" spans="2:5" hidden="1" x14ac:dyDescent="0.35">
      <c r="B149" s="26">
        <v>44657</v>
      </c>
      <c r="C149" s="33"/>
      <c r="E149" s="65" t="str">
        <f t="shared" si="2"/>
        <v/>
      </c>
    </row>
    <row r="150" spans="2:5" hidden="1" x14ac:dyDescent="0.35">
      <c r="B150" s="26">
        <v>44658</v>
      </c>
      <c r="C150" s="33"/>
      <c r="E150" s="65" t="str">
        <f t="shared" si="2"/>
        <v/>
      </c>
    </row>
    <row r="151" spans="2:5" hidden="1" x14ac:dyDescent="0.35">
      <c r="B151" s="35">
        <v>44659</v>
      </c>
      <c r="C151" s="34"/>
      <c r="D151" s="36"/>
      <c r="E151" s="18" t="str">
        <f t="shared" si="2"/>
        <v/>
      </c>
    </row>
    <row r="152" spans="2:5" hidden="1" x14ac:dyDescent="0.35">
      <c r="B152" s="26">
        <v>44662</v>
      </c>
      <c r="C152" s="33"/>
      <c r="E152" s="64" t="str">
        <f t="shared" si="2"/>
        <v/>
      </c>
    </row>
    <row r="153" spans="2:5" hidden="1" x14ac:dyDescent="0.35">
      <c r="B153" s="26">
        <v>44663</v>
      </c>
      <c r="C153" s="33"/>
      <c r="E153" s="65" t="str">
        <f t="shared" si="2"/>
        <v/>
      </c>
    </row>
    <row r="154" spans="2:5" hidden="1" x14ac:dyDescent="0.35">
      <c r="B154" s="26">
        <v>44664</v>
      </c>
      <c r="C154" s="33"/>
      <c r="E154" s="65" t="str">
        <f t="shared" si="2"/>
        <v/>
      </c>
    </row>
    <row r="155" spans="2:5" hidden="1" x14ac:dyDescent="0.35">
      <c r="B155" s="35">
        <v>44665</v>
      </c>
      <c r="C155" s="34"/>
      <c r="D155" s="36"/>
      <c r="E155" s="18" t="str">
        <f t="shared" si="2"/>
        <v/>
      </c>
    </row>
    <row r="156" spans="2:5" hidden="1" x14ac:dyDescent="0.35">
      <c r="B156" s="26">
        <v>44670</v>
      </c>
      <c r="C156" s="33"/>
      <c r="E156" s="64" t="str">
        <f t="shared" si="2"/>
        <v/>
      </c>
    </row>
    <row r="157" spans="2:5" hidden="1" x14ac:dyDescent="0.35">
      <c r="B157" s="26">
        <v>44671</v>
      </c>
      <c r="C157" s="33"/>
      <c r="E157" s="65" t="str">
        <f t="shared" si="2"/>
        <v/>
      </c>
    </row>
    <row r="158" spans="2:5" hidden="1" x14ac:dyDescent="0.35">
      <c r="B158" s="26">
        <v>44672</v>
      </c>
      <c r="C158" s="33"/>
      <c r="E158" s="65" t="str">
        <f t="shared" si="2"/>
        <v/>
      </c>
    </row>
    <row r="159" spans="2:5" hidden="1" x14ac:dyDescent="0.35">
      <c r="B159" s="35">
        <v>44673</v>
      </c>
      <c r="C159" s="34"/>
      <c r="D159" s="36"/>
      <c r="E159" s="18" t="str">
        <f t="shared" si="2"/>
        <v/>
      </c>
    </row>
    <row r="160" spans="2:5" hidden="1" x14ac:dyDescent="0.35">
      <c r="B160" s="26">
        <v>44676</v>
      </c>
      <c r="C160" s="33"/>
      <c r="E160" s="64" t="str">
        <f t="shared" si="2"/>
        <v/>
      </c>
    </row>
    <row r="161" spans="2:5" hidden="1" x14ac:dyDescent="0.35">
      <c r="B161" s="26">
        <v>44677</v>
      </c>
      <c r="C161" s="33"/>
      <c r="E161" s="65" t="str">
        <f t="shared" si="2"/>
        <v/>
      </c>
    </row>
    <row r="162" spans="2:5" hidden="1" x14ac:dyDescent="0.35">
      <c r="B162" s="26">
        <v>44678</v>
      </c>
      <c r="C162" s="33"/>
      <c r="E162" s="65" t="str">
        <f t="shared" si="2"/>
        <v/>
      </c>
    </row>
    <row r="163" spans="2:5" hidden="1" x14ac:dyDescent="0.35">
      <c r="B163" s="26">
        <v>44679</v>
      </c>
      <c r="C163" s="33"/>
      <c r="E163" s="65" t="str">
        <f t="shared" si="2"/>
        <v/>
      </c>
    </row>
    <row r="164" spans="2:5" hidden="1" x14ac:dyDescent="0.35">
      <c r="B164" s="35">
        <v>44680</v>
      </c>
      <c r="C164" s="34"/>
      <c r="D164" s="36"/>
      <c r="E164" s="18" t="str">
        <f t="shared" si="2"/>
        <v/>
      </c>
    </row>
    <row r="165" spans="2:5" hidden="1" x14ac:dyDescent="0.35">
      <c r="B165" s="26">
        <v>44683</v>
      </c>
      <c r="C165" s="33"/>
      <c r="E165" s="64" t="str">
        <f t="shared" si="2"/>
        <v/>
      </c>
    </row>
    <row r="166" spans="2:5" hidden="1" x14ac:dyDescent="0.35">
      <c r="B166" s="26">
        <v>44684</v>
      </c>
      <c r="C166" s="33"/>
      <c r="E166" s="65" t="str">
        <f t="shared" si="2"/>
        <v/>
      </c>
    </row>
    <row r="167" spans="2:5" hidden="1" x14ac:dyDescent="0.35">
      <c r="B167" s="26">
        <v>44685</v>
      </c>
      <c r="C167" s="33"/>
      <c r="E167" s="65" t="str">
        <f t="shared" si="2"/>
        <v/>
      </c>
    </row>
    <row r="168" spans="2:5" hidden="1" x14ac:dyDescent="0.35">
      <c r="B168" s="26">
        <v>44686</v>
      </c>
      <c r="C168" s="33"/>
      <c r="E168" s="65" t="str">
        <f t="shared" si="2"/>
        <v/>
      </c>
    </row>
    <row r="169" spans="2:5" hidden="1" x14ac:dyDescent="0.35">
      <c r="B169" s="35">
        <v>44687</v>
      </c>
      <c r="C169" s="34"/>
      <c r="D169" s="36"/>
      <c r="E169" s="18" t="str">
        <f t="shared" si="2"/>
        <v/>
      </c>
    </row>
    <row r="170" spans="2:5" hidden="1" x14ac:dyDescent="0.35">
      <c r="B170" s="26">
        <v>44690</v>
      </c>
      <c r="C170" s="33"/>
      <c r="E170" s="64" t="str">
        <f t="shared" si="2"/>
        <v/>
      </c>
    </row>
    <row r="171" spans="2:5" hidden="1" x14ac:dyDescent="0.35">
      <c r="B171" s="26">
        <v>44691</v>
      </c>
      <c r="C171" s="33"/>
      <c r="E171" s="65" t="str">
        <f t="shared" si="2"/>
        <v/>
      </c>
    </row>
    <row r="172" spans="2:5" hidden="1" x14ac:dyDescent="0.35">
      <c r="B172" s="26">
        <v>44692</v>
      </c>
      <c r="C172" s="33"/>
      <c r="E172" s="65" t="str">
        <f t="shared" si="2"/>
        <v/>
      </c>
    </row>
    <row r="173" spans="2:5" hidden="1" x14ac:dyDescent="0.35">
      <c r="B173" s="26">
        <v>44693</v>
      </c>
      <c r="C173" s="33"/>
      <c r="E173" s="65" t="str">
        <f t="shared" si="2"/>
        <v/>
      </c>
    </row>
    <row r="174" spans="2:5" hidden="1" x14ac:dyDescent="0.35">
      <c r="B174" s="35">
        <v>44694</v>
      </c>
      <c r="C174" s="34"/>
      <c r="D174" s="36"/>
      <c r="E174" s="18" t="str">
        <f t="shared" si="2"/>
        <v/>
      </c>
    </row>
    <row r="175" spans="2:5" hidden="1" x14ac:dyDescent="0.35">
      <c r="B175" s="26">
        <v>44697</v>
      </c>
      <c r="C175" s="33"/>
      <c r="E175" s="64" t="str">
        <f t="shared" si="2"/>
        <v/>
      </c>
    </row>
    <row r="176" spans="2:5" hidden="1" x14ac:dyDescent="0.35">
      <c r="B176" s="26">
        <v>44698</v>
      </c>
      <c r="C176" s="33"/>
      <c r="E176" s="65" t="str">
        <f t="shared" si="2"/>
        <v/>
      </c>
    </row>
    <row r="177" spans="2:5" hidden="1" x14ac:dyDescent="0.35">
      <c r="B177" s="26">
        <v>44699</v>
      </c>
      <c r="C177" s="33"/>
      <c r="E177" s="65" t="str">
        <f t="shared" si="2"/>
        <v/>
      </c>
    </row>
    <row r="178" spans="2:5" hidden="1" x14ac:dyDescent="0.35">
      <c r="B178" s="26">
        <v>44700</v>
      </c>
      <c r="C178" s="33"/>
      <c r="E178" s="65" t="str">
        <f t="shared" si="2"/>
        <v/>
      </c>
    </row>
    <row r="179" spans="2:5" hidden="1" x14ac:dyDescent="0.35">
      <c r="B179" s="35">
        <v>44701</v>
      </c>
      <c r="C179" s="34"/>
      <c r="D179" s="36"/>
      <c r="E179" s="18" t="str">
        <f t="shared" si="2"/>
        <v/>
      </c>
    </row>
    <row r="180" spans="2:5" hidden="1" x14ac:dyDescent="0.35">
      <c r="B180" s="26">
        <v>44704</v>
      </c>
      <c r="C180" s="33"/>
      <c r="E180" s="64" t="str">
        <f t="shared" si="2"/>
        <v/>
      </c>
    </row>
    <row r="181" spans="2:5" hidden="1" x14ac:dyDescent="0.35">
      <c r="B181" s="26">
        <v>44705</v>
      </c>
      <c r="C181" s="33"/>
      <c r="E181" s="65" t="str">
        <f t="shared" si="2"/>
        <v/>
      </c>
    </row>
    <row r="182" spans="2:5" hidden="1" x14ac:dyDescent="0.35">
      <c r="B182" s="26">
        <v>44706</v>
      </c>
      <c r="C182" s="33"/>
      <c r="E182" s="65" t="str">
        <f t="shared" si="2"/>
        <v/>
      </c>
    </row>
    <row r="183" spans="2:5" hidden="1" x14ac:dyDescent="0.35">
      <c r="B183" s="26">
        <v>44707</v>
      </c>
      <c r="C183" s="33"/>
      <c r="E183" s="65" t="str">
        <f t="shared" si="2"/>
        <v/>
      </c>
    </row>
    <row r="184" spans="2:5" hidden="1" x14ac:dyDescent="0.35">
      <c r="B184" s="35">
        <v>44708</v>
      </c>
      <c r="C184" s="34"/>
      <c r="D184" s="36"/>
      <c r="E184" s="18" t="str">
        <f t="shared" si="2"/>
        <v/>
      </c>
    </row>
    <row r="185" spans="2:5" hidden="1" x14ac:dyDescent="0.35">
      <c r="B185" s="26">
        <v>44711</v>
      </c>
      <c r="C185" s="33"/>
      <c r="E185" s="64" t="str">
        <f t="shared" si="2"/>
        <v/>
      </c>
    </row>
    <row r="186" spans="2:5" hidden="1" x14ac:dyDescent="0.35">
      <c r="B186" s="26">
        <v>44712</v>
      </c>
      <c r="C186" s="33"/>
      <c r="E186" s="65" t="str">
        <f t="shared" si="2"/>
        <v/>
      </c>
    </row>
    <row r="187" spans="2:5" hidden="1" x14ac:dyDescent="0.35">
      <c r="B187" s="26">
        <v>44713</v>
      </c>
      <c r="C187" s="33"/>
      <c r="E187" s="65" t="str">
        <f t="shared" si="2"/>
        <v/>
      </c>
    </row>
    <row r="188" spans="2:5" hidden="1" x14ac:dyDescent="0.35">
      <c r="B188" s="26">
        <v>44714</v>
      </c>
      <c r="C188" s="33"/>
      <c r="E188" s="65" t="str">
        <f t="shared" si="2"/>
        <v/>
      </c>
    </row>
    <row r="189" spans="2:5" hidden="1" x14ac:dyDescent="0.35">
      <c r="B189" s="35">
        <v>44715</v>
      </c>
      <c r="C189" s="34"/>
      <c r="D189" s="36"/>
      <c r="E189" s="18" t="str">
        <f t="shared" si="2"/>
        <v/>
      </c>
    </row>
    <row r="190" spans="2:5" hidden="1" x14ac:dyDescent="0.35">
      <c r="B190" s="26">
        <v>44718</v>
      </c>
      <c r="C190" s="33"/>
      <c r="E190" s="64" t="str">
        <f t="shared" si="2"/>
        <v/>
      </c>
    </row>
    <row r="191" spans="2:5" hidden="1" x14ac:dyDescent="0.35">
      <c r="B191" s="26">
        <v>44719</v>
      </c>
      <c r="C191" s="33"/>
      <c r="E191" s="65" t="str">
        <f t="shared" si="2"/>
        <v/>
      </c>
    </row>
    <row r="192" spans="2:5" hidden="1" x14ac:dyDescent="0.35">
      <c r="B192" s="26">
        <v>44720</v>
      </c>
      <c r="C192" s="33"/>
      <c r="E192" s="65" t="str">
        <f t="shared" si="2"/>
        <v/>
      </c>
    </row>
    <row r="193" spans="2:5" hidden="1" x14ac:dyDescent="0.35">
      <c r="B193" s="26">
        <v>44721</v>
      </c>
      <c r="C193" s="33"/>
      <c r="E193" s="65" t="str">
        <f t="shared" si="2"/>
        <v/>
      </c>
    </row>
    <row r="194" spans="2:5" hidden="1" x14ac:dyDescent="0.35">
      <c r="B194" s="35">
        <v>44722</v>
      </c>
      <c r="C194" s="34"/>
      <c r="D194" s="36"/>
      <c r="E194" s="18" t="str">
        <f t="shared" si="2"/>
        <v/>
      </c>
    </row>
    <row r="195" spans="2:5" hidden="1" x14ac:dyDescent="0.35">
      <c r="B195" s="26">
        <v>44725</v>
      </c>
      <c r="C195" s="33"/>
      <c r="E195" s="64" t="str">
        <f t="shared" si="2"/>
        <v/>
      </c>
    </row>
    <row r="196" spans="2:5" hidden="1" x14ac:dyDescent="0.35">
      <c r="B196" s="26">
        <v>44726</v>
      </c>
      <c r="C196" s="33"/>
      <c r="E196" s="65" t="str">
        <f t="shared" si="2"/>
        <v/>
      </c>
    </row>
    <row r="197" spans="2:5" hidden="1" x14ac:dyDescent="0.35">
      <c r="B197" s="26">
        <v>44727</v>
      </c>
      <c r="C197" s="33"/>
      <c r="E197" s="65" t="str">
        <f t="shared" si="2"/>
        <v/>
      </c>
    </row>
    <row r="198" spans="2:5" hidden="1" x14ac:dyDescent="0.35">
      <c r="B198" s="26">
        <v>44728</v>
      </c>
      <c r="C198" s="33"/>
      <c r="E198" s="65" t="str">
        <f t="shared" si="2"/>
        <v/>
      </c>
    </row>
    <row r="199" spans="2:5" hidden="1" x14ac:dyDescent="0.35">
      <c r="B199" s="35">
        <v>44729</v>
      </c>
      <c r="C199" s="34"/>
      <c r="D199" s="36"/>
      <c r="E199" s="18" t="str">
        <f t="shared" si="2"/>
        <v/>
      </c>
    </row>
    <row r="200" spans="2:5" hidden="1" x14ac:dyDescent="0.35">
      <c r="B200" s="26">
        <v>44732</v>
      </c>
      <c r="C200" s="33"/>
      <c r="E200" s="64" t="str">
        <f t="shared" si="2"/>
        <v/>
      </c>
    </row>
    <row r="201" spans="2:5" hidden="1" x14ac:dyDescent="0.35">
      <c r="B201" s="26">
        <v>44733</v>
      </c>
      <c r="C201" s="33"/>
      <c r="E201" s="65" t="str">
        <f t="shared" si="2"/>
        <v/>
      </c>
    </row>
    <row r="202" spans="2:5" hidden="1" x14ac:dyDescent="0.35">
      <c r="B202" s="26">
        <v>44734</v>
      </c>
      <c r="C202" s="33"/>
      <c r="E202" s="65" t="str">
        <f t="shared" si="2"/>
        <v/>
      </c>
    </row>
    <row r="203" spans="2:5" hidden="1" x14ac:dyDescent="0.35">
      <c r="B203" s="26">
        <v>44735</v>
      </c>
      <c r="C203" s="33"/>
      <c r="E203" s="65" t="str">
        <f t="shared" si="2"/>
        <v/>
      </c>
    </row>
    <row r="204" spans="2:5" hidden="1" x14ac:dyDescent="0.35">
      <c r="B204" s="35">
        <v>44736</v>
      </c>
      <c r="C204" s="34"/>
      <c r="D204" s="36"/>
      <c r="E204" s="18" t="str">
        <f t="shared" si="2"/>
        <v/>
      </c>
    </row>
    <row r="205" spans="2:5" hidden="1" x14ac:dyDescent="0.35">
      <c r="B205" s="26">
        <v>44739</v>
      </c>
      <c r="C205" s="33"/>
      <c r="E205" s="64" t="str">
        <f t="shared" si="2"/>
        <v/>
      </c>
    </row>
    <row r="206" spans="2:5" hidden="1" x14ac:dyDescent="0.35">
      <c r="B206" s="26">
        <v>44740</v>
      </c>
      <c r="C206" s="33"/>
      <c r="E206" s="65" t="str">
        <f t="shared" si="2"/>
        <v/>
      </c>
    </row>
    <row r="207" spans="2:5" hidden="1" x14ac:dyDescent="0.35">
      <c r="B207" s="26">
        <v>44741</v>
      </c>
      <c r="C207" s="33"/>
      <c r="E207" s="65" t="str">
        <f t="shared" si="2"/>
        <v/>
      </c>
    </row>
    <row r="208" spans="2:5" hidden="1" x14ac:dyDescent="0.35">
      <c r="B208" s="26">
        <v>44742</v>
      </c>
      <c r="C208" s="33"/>
      <c r="E208" s="65" t="str">
        <f t="shared" si="2"/>
        <v/>
      </c>
    </row>
    <row r="209" spans="2:5" hidden="1" x14ac:dyDescent="0.35">
      <c r="B209" s="35">
        <v>44743</v>
      </c>
      <c r="C209" s="34"/>
      <c r="D209" s="36"/>
      <c r="E209" s="18" t="str">
        <f t="shared" ref="E209:E272" si="3">IF(D209="","",ROUND(C209*D209,2))</f>
        <v/>
      </c>
    </row>
    <row r="210" spans="2:5" hidden="1" x14ac:dyDescent="0.35">
      <c r="B210" s="26">
        <v>44746</v>
      </c>
      <c r="C210" s="33"/>
      <c r="E210" s="64" t="str">
        <f t="shared" si="3"/>
        <v/>
      </c>
    </row>
    <row r="211" spans="2:5" hidden="1" x14ac:dyDescent="0.35">
      <c r="B211" s="26">
        <v>44747</v>
      </c>
      <c r="C211" s="33"/>
      <c r="E211" s="65" t="str">
        <f t="shared" si="3"/>
        <v/>
      </c>
    </row>
    <row r="212" spans="2:5" hidden="1" x14ac:dyDescent="0.35">
      <c r="B212" s="26">
        <v>44748</v>
      </c>
      <c r="C212" s="33"/>
      <c r="E212" s="65" t="str">
        <f t="shared" si="3"/>
        <v/>
      </c>
    </row>
    <row r="213" spans="2:5" hidden="1" x14ac:dyDescent="0.35">
      <c r="B213" s="26">
        <v>44749</v>
      </c>
      <c r="C213" s="33"/>
      <c r="E213" s="65" t="str">
        <f t="shared" si="3"/>
        <v/>
      </c>
    </row>
    <row r="214" spans="2:5" hidden="1" x14ac:dyDescent="0.35">
      <c r="B214" s="35">
        <v>44750</v>
      </c>
      <c r="C214" s="34"/>
      <c r="D214" s="36"/>
      <c r="E214" s="18" t="str">
        <f t="shared" si="3"/>
        <v/>
      </c>
    </row>
    <row r="215" spans="2:5" hidden="1" x14ac:dyDescent="0.35">
      <c r="B215" s="26">
        <v>44753</v>
      </c>
      <c r="C215" s="33"/>
      <c r="E215" s="64" t="str">
        <f t="shared" si="3"/>
        <v/>
      </c>
    </row>
    <row r="216" spans="2:5" hidden="1" x14ac:dyDescent="0.35">
      <c r="B216" s="26">
        <v>44754</v>
      </c>
      <c r="C216" s="33"/>
      <c r="E216" s="65" t="str">
        <f t="shared" si="3"/>
        <v/>
      </c>
    </row>
    <row r="217" spans="2:5" hidden="1" x14ac:dyDescent="0.35">
      <c r="B217" s="26">
        <v>44755</v>
      </c>
      <c r="C217" s="33"/>
      <c r="E217" s="65" t="str">
        <f t="shared" si="3"/>
        <v/>
      </c>
    </row>
    <row r="218" spans="2:5" hidden="1" x14ac:dyDescent="0.35">
      <c r="B218" s="26">
        <v>44756</v>
      </c>
      <c r="C218" s="33"/>
      <c r="E218" s="65" t="str">
        <f t="shared" si="3"/>
        <v/>
      </c>
    </row>
    <row r="219" spans="2:5" hidden="1" x14ac:dyDescent="0.35">
      <c r="B219" s="35">
        <v>44757</v>
      </c>
      <c r="C219" s="34"/>
      <c r="D219" s="36"/>
      <c r="E219" s="18" t="str">
        <f t="shared" si="3"/>
        <v/>
      </c>
    </row>
    <row r="220" spans="2:5" hidden="1" x14ac:dyDescent="0.35">
      <c r="B220" s="26">
        <v>44760</v>
      </c>
      <c r="C220" s="33"/>
      <c r="E220" s="64" t="str">
        <f t="shared" si="3"/>
        <v/>
      </c>
    </row>
    <row r="221" spans="2:5" hidden="1" x14ac:dyDescent="0.35">
      <c r="B221" s="26">
        <v>44761</v>
      </c>
      <c r="C221" s="33"/>
      <c r="E221" s="65" t="str">
        <f t="shared" si="3"/>
        <v/>
      </c>
    </row>
    <row r="222" spans="2:5" hidden="1" x14ac:dyDescent="0.35">
      <c r="B222" s="26">
        <v>44762</v>
      </c>
      <c r="C222" s="33"/>
      <c r="E222" s="65" t="str">
        <f t="shared" si="3"/>
        <v/>
      </c>
    </row>
    <row r="223" spans="2:5" hidden="1" x14ac:dyDescent="0.35">
      <c r="B223" s="26">
        <v>44763</v>
      </c>
      <c r="C223" s="33"/>
      <c r="E223" s="65" t="str">
        <f t="shared" si="3"/>
        <v/>
      </c>
    </row>
    <row r="224" spans="2:5" hidden="1" x14ac:dyDescent="0.35">
      <c r="B224" s="35">
        <v>44764</v>
      </c>
      <c r="C224" s="34"/>
      <c r="D224" s="36"/>
      <c r="E224" s="18" t="str">
        <f t="shared" si="3"/>
        <v/>
      </c>
    </row>
    <row r="225" spans="2:5" hidden="1" x14ac:dyDescent="0.35">
      <c r="B225" s="26">
        <v>44767</v>
      </c>
      <c r="C225" s="33"/>
      <c r="E225" s="64" t="str">
        <f t="shared" si="3"/>
        <v/>
      </c>
    </row>
    <row r="226" spans="2:5" hidden="1" x14ac:dyDescent="0.35">
      <c r="B226" s="26">
        <v>44768</v>
      </c>
      <c r="C226" s="33"/>
      <c r="E226" s="65" t="str">
        <f t="shared" si="3"/>
        <v/>
      </c>
    </row>
    <row r="227" spans="2:5" hidden="1" x14ac:dyDescent="0.35">
      <c r="B227" s="26">
        <v>44769</v>
      </c>
      <c r="C227" s="33"/>
      <c r="E227" s="65" t="str">
        <f t="shared" si="3"/>
        <v/>
      </c>
    </row>
    <row r="228" spans="2:5" hidden="1" x14ac:dyDescent="0.35">
      <c r="B228" s="26">
        <v>44770</v>
      </c>
      <c r="C228" s="33"/>
      <c r="E228" s="65" t="str">
        <f t="shared" si="3"/>
        <v/>
      </c>
    </row>
    <row r="229" spans="2:5" hidden="1" x14ac:dyDescent="0.35">
      <c r="B229" s="35">
        <v>44771</v>
      </c>
      <c r="C229" s="34"/>
      <c r="D229" s="36"/>
      <c r="E229" s="18" t="str">
        <f t="shared" si="3"/>
        <v/>
      </c>
    </row>
    <row r="230" spans="2:5" hidden="1" x14ac:dyDescent="0.35">
      <c r="B230" s="26">
        <v>44774</v>
      </c>
      <c r="C230" s="33"/>
      <c r="E230" s="64" t="str">
        <f t="shared" si="3"/>
        <v/>
      </c>
    </row>
    <row r="231" spans="2:5" hidden="1" x14ac:dyDescent="0.35">
      <c r="B231" s="26">
        <v>44775</v>
      </c>
      <c r="C231" s="33"/>
      <c r="E231" s="65" t="str">
        <f t="shared" si="3"/>
        <v/>
      </c>
    </row>
    <row r="232" spans="2:5" hidden="1" x14ac:dyDescent="0.35">
      <c r="B232" s="26">
        <v>44776</v>
      </c>
      <c r="C232" s="33"/>
      <c r="E232" s="65" t="str">
        <f t="shared" si="3"/>
        <v/>
      </c>
    </row>
    <row r="233" spans="2:5" hidden="1" x14ac:dyDescent="0.35">
      <c r="B233" s="26">
        <v>44777</v>
      </c>
      <c r="C233" s="33"/>
      <c r="E233" s="65" t="str">
        <f t="shared" si="3"/>
        <v/>
      </c>
    </row>
    <row r="234" spans="2:5" hidden="1" x14ac:dyDescent="0.35">
      <c r="B234" s="35">
        <v>44778</v>
      </c>
      <c r="C234" s="34"/>
      <c r="D234" s="36"/>
      <c r="E234" s="18" t="str">
        <f t="shared" si="3"/>
        <v/>
      </c>
    </row>
    <row r="235" spans="2:5" hidden="1" x14ac:dyDescent="0.35">
      <c r="B235" s="26">
        <v>44781</v>
      </c>
      <c r="C235" s="33"/>
      <c r="E235" s="64" t="str">
        <f t="shared" si="3"/>
        <v/>
      </c>
    </row>
    <row r="236" spans="2:5" hidden="1" x14ac:dyDescent="0.35">
      <c r="B236" s="26">
        <v>44782</v>
      </c>
      <c r="C236" s="33"/>
      <c r="E236" s="65" t="str">
        <f t="shared" si="3"/>
        <v/>
      </c>
    </row>
    <row r="237" spans="2:5" hidden="1" x14ac:dyDescent="0.35">
      <c r="B237" s="26">
        <v>44783</v>
      </c>
      <c r="C237" s="33"/>
      <c r="E237" s="65" t="str">
        <f t="shared" si="3"/>
        <v/>
      </c>
    </row>
    <row r="238" spans="2:5" hidden="1" x14ac:dyDescent="0.35">
      <c r="B238" s="26">
        <v>44784</v>
      </c>
      <c r="C238" s="33"/>
      <c r="E238" s="65" t="str">
        <f t="shared" si="3"/>
        <v/>
      </c>
    </row>
    <row r="239" spans="2:5" hidden="1" x14ac:dyDescent="0.35">
      <c r="B239" s="35">
        <v>44785</v>
      </c>
      <c r="C239" s="34"/>
      <c r="D239" s="36"/>
      <c r="E239" s="18" t="str">
        <f t="shared" si="3"/>
        <v/>
      </c>
    </row>
    <row r="240" spans="2:5" hidden="1" x14ac:dyDescent="0.35">
      <c r="B240" s="26">
        <v>44788</v>
      </c>
      <c r="C240" s="33"/>
      <c r="E240" s="64" t="str">
        <f t="shared" si="3"/>
        <v/>
      </c>
    </row>
    <row r="241" spans="2:5" hidden="1" x14ac:dyDescent="0.35">
      <c r="B241" s="26">
        <v>44789</v>
      </c>
      <c r="C241" s="33"/>
      <c r="E241" s="65" t="str">
        <f t="shared" si="3"/>
        <v/>
      </c>
    </row>
    <row r="242" spans="2:5" hidden="1" x14ac:dyDescent="0.35">
      <c r="B242" s="26">
        <v>44790</v>
      </c>
      <c r="C242" s="33"/>
      <c r="E242" s="65" t="str">
        <f t="shared" si="3"/>
        <v/>
      </c>
    </row>
    <row r="243" spans="2:5" hidden="1" x14ac:dyDescent="0.35">
      <c r="B243" s="26">
        <v>44791</v>
      </c>
      <c r="C243" s="33"/>
      <c r="E243" s="65" t="str">
        <f t="shared" si="3"/>
        <v/>
      </c>
    </row>
    <row r="244" spans="2:5" hidden="1" x14ac:dyDescent="0.35">
      <c r="B244" s="35">
        <v>44792</v>
      </c>
      <c r="C244" s="34"/>
      <c r="D244" s="36"/>
      <c r="E244" s="18" t="str">
        <f t="shared" si="3"/>
        <v/>
      </c>
    </row>
    <row r="245" spans="2:5" hidden="1" x14ac:dyDescent="0.35">
      <c r="B245" s="26">
        <v>44795</v>
      </c>
      <c r="C245" s="33"/>
      <c r="E245" s="64" t="str">
        <f t="shared" si="3"/>
        <v/>
      </c>
    </row>
    <row r="246" spans="2:5" hidden="1" x14ac:dyDescent="0.35">
      <c r="B246" s="26">
        <v>44796</v>
      </c>
      <c r="C246" s="33"/>
      <c r="E246" s="65" t="str">
        <f t="shared" si="3"/>
        <v/>
      </c>
    </row>
    <row r="247" spans="2:5" hidden="1" x14ac:dyDescent="0.35">
      <c r="B247" s="26">
        <v>44797</v>
      </c>
      <c r="C247" s="33"/>
      <c r="E247" s="65" t="str">
        <f t="shared" si="3"/>
        <v/>
      </c>
    </row>
    <row r="248" spans="2:5" hidden="1" x14ac:dyDescent="0.35">
      <c r="B248" s="26">
        <v>44798</v>
      </c>
      <c r="C248" s="33"/>
      <c r="E248" s="65" t="str">
        <f t="shared" si="3"/>
        <v/>
      </c>
    </row>
    <row r="249" spans="2:5" hidden="1" x14ac:dyDescent="0.35">
      <c r="B249" s="35">
        <v>44799</v>
      </c>
      <c r="C249" s="34"/>
      <c r="D249" s="36"/>
      <c r="E249" s="18" t="str">
        <f t="shared" si="3"/>
        <v/>
      </c>
    </row>
    <row r="250" spans="2:5" hidden="1" x14ac:dyDescent="0.35">
      <c r="B250" s="26">
        <v>44802</v>
      </c>
      <c r="C250" s="33"/>
      <c r="E250" s="64" t="str">
        <f t="shared" si="3"/>
        <v/>
      </c>
    </row>
    <row r="251" spans="2:5" hidden="1" x14ac:dyDescent="0.35">
      <c r="B251" s="26">
        <v>44803</v>
      </c>
      <c r="C251" s="33"/>
      <c r="E251" s="65" t="str">
        <f t="shared" si="3"/>
        <v/>
      </c>
    </row>
    <row r="252" spans="2:5" hidden="1" x14ac:dyDescent="0.35">
      <c r="B252" s="26">
        <v>44804</v>
      </c>
      <c r="C252" s="33"/>
      <c r="E252" s="65" t="str">
        <f t="shared" si="3"/>
        <v/>
      </c>
    </row>
    <row r="253" spans="2:5" hidden="1" x14ac:dyDescent="0.35">
      <c r="B253" s="26">
        <v>44805</v>
      </c>
      <c r="C253" s="33"/>
      <c r="E253" s="65" t="str">
        <f t="shared" si="3"/>
        <v/>
      </c>
    </row>
    <row r="254" spans="2:5" hidden="1" x14ac:dyDescent="0.35">
      <c r="B254" s="35">
        <v>44806</v>
      </c>
      <c r="C254" s="34"/>
      <c r="D254" s="36"/>
      <c r="E254" s="18" t="str">
        <f t="shared" si="3"/>
        <v/>
      </c>
    </row>
    <row r="255" spans="2:5" hidden="1" x14ac:dyDescent="0.35">
      <c r="B255" s="26">
        <v>44809</v>
      </c>
      <c r="C255" s="33"/>
      <c r="E255" s="64" t="str">
        <f t="shared" si="3"/>
        <v/>
      </c>
    </row>
    <row r="256" spans="2:5" hidden="1" x14ac:dyDescent="0.35">
      <c r="B256" s="26">
        <v>44810</v>
      </c>
      <c r="C256" s="33"/>
      <c r="E256" s="65" t="str">
        <f t="shared" si="3"/>
        <v/>
      </c>
    </row>
    <row r="257" spans="2:5" hidden="1" x14ac:dyDescent="0.35">
      <c r="B257" s="26">
        <v>44811</v>
      </c>
      <c r="C257" s="33"/>
      <c r="E257" s="65" t="str">
        <f t="shared" si="3"/>
        <v/>
      </c>
    </row>
    <row r="258" spans="2:5" hidden="1" x14ac:dyDescent="0.35">
      <c r="B258" s="26">
        <v>44812</v>
      </c>
      <c r="C258" s="33"/>
      <c r="E258" s="65" t="str">
        <f t="shared" si="3"/>
        <v/>
      </c>
    </row>
    <row r="259" spans="2:5" hidden="1" x14ac:dyDescent="0.35">
      <c r="B259" s="35">
        <v>44813</v>
      </c>
      <c r="C259" s="34"/>
      <c r="D259" s="36"/>
      <c r="E259" s="18" t="str">
        <f t="shared" si="3"/>
        <v/>
      </c>
    </row>
    <row r="260" spans="2:5" hidden="1" x14ac:dyDescent="0.35">
      <c r="B260" s="26">
        <v>44816</v>
      </c>
      <c r="C260" s="33"/>
      <c r="E260" s="64" t="str">
        <f t="shared" si="3"/>
        <v/>
      </c>
    </row>
    <row r="261" spans="2:5" hidden="1" x14ac:dyDescent="0.35">
      <c r="B261" s="26">
        <v>44817</v>
      </c>
      <c r="C261" s="33"/>
      <c r="E261" s="65" t="str">
        <f t="shared" si="3"/>
        <v/>
      </c>
    </row>
    <row r="262" spans="2:5" hidden="1" x14ac:dyDescent="0.35">
      <c r="B262" s="26">
        <v>44818</v>
      </c>
      <c r="C262" s="33"/>
      <c r="E262" s="65" t="str">
        <f t="shared" si="3"/>
        <v/>
      </c>
    </row>
    <row r="263" spans="2:5" hidden="1" x14ac:dyDescent="0.35">
      <c r="B263" s="26">
        <v>44819</v>
      </c>
      <c r="C263" s="33"/>
      <c r="E263" s="65" t="str">
        <f t="shared" si="3"/>
        <v/>
      </c>
    </row>
    <row r="264" spans="2:5" hidden="1" x14ac:dyDescent="0.35">
      <c r="B264" s="35">
        <v>44820</v>
      </c>
      <c r="C264" s="34"/>
      <c r="D264" s="36"/>
      <c r="E264" s="18" t="str">
        <f t="shared" si="3"/>
        <v/>
      </c>
    </row>
    <row r="265" spans="2:5" hidden="1" x14ac:dyDescent="0.35">
      <c r="B265" s="26">
        <v>44823</v>
      </c>
      <c r="C265" s="33"/>
      <c r="E265" s="64" t="str">
        <f t="shared" si="3"/>
        <v/>
      </c>
    </row>
    <row r="266" spans="2:5" hidden="1" x14ac:dyDescent="0.35">
      <c r="B266" s="26">
        <v>44824</v>
      </c>
      <c r="C266" s="33"/>
      <c r="E266" s="65" t="str">
        <f t="shared" si="3"/>
        <v/>
      </c>
    </row>
    <row r="267" spans="2:5" hidden="1" x14ac:dyDescent="0.35">
      <c r="B267" s="26">
        <v>44825</v>
      </c>
      <c r="C267" s="33"/>
      <c r="E267" s="65" t="str">
        <f t="shared" si="3"/>
        <v/>
      </c>
    </row>
    <row r="268" spans="2:5" hidden="1" x14ac:dyDescent="0.35">
      <c r="B268" s="26">
        <v>44826</v>
      </c>
      <c r="C268" s="33"/>
      <c r="E268" s="65" t="str">
        <f t="shared" si="3"/>
        <v/>
      </c>
    </row>
    <row r="269" spans="2:5" hidden="1" x14ac:dyDescent="0.35">
      <c r="B269" s="35">
        <v>44827</v>
      </c>
      <c r="C269" s="34"/>
      <c r="D269" s="36"/>
      <c r="E269" s="18" t="str">
        <f t="shared" si="3"/>
        <v/>
      </c>
    </row>
    <row r="270" spans="2:5" hidden="1" x14ac:dyDescent="0.35">
      <c r="B270" s="26">
        <v>44830</v>
      </c>
      <c r="C270" s="33"/>
      <c r="E270" s="64" t="str">
        <f t="shared" si="3"/>
        <v/>
      </c>
    </row>
    <row r="271" spans="2:5" hidden="1" x14ac:dyDescent="0.35">
      <c r="B271" s="26">
        <v>44831</v>
      </c>
      <c r="C271" s="33"/>
      <c r="E271" s="65" t="str">
        <f t="shared" si="3"/>
        <v/>
      </c>
    </row>
    <row r="272" spans="2:5" hidden="1" x14ac:dyDescent="0.35">
      <c r="B272" s="26">
        <v>44832</v>
      </c>
      <c r="C272" s="33"/>
      <c r="E272" s="65" t="str">
        <f t="shared" si="3"/>
        <v/>
      </c>
    </row>
    <row r="273" spans="2:5" hidden="1" x14ac:dyDescent="0.35">
      <c r="B273" s="26">
        <v>44833</v>
      </c>
      <c r="C273" s="33"/>
      <c r="E273" s="65" t="str">
        <f t="shared" ref="E273:E305" si="4">IF(D273="","",ROUND(C273*D273,2))</f>
        <v/>
      </c>
    </row>
    <row r="274" spans="2:5" hidden="1" x14ac:dyDescent="0.35">
      <c r="B274" s="35">
        <v>44834</v>
      </c>
      <c r="C274" s="34"/>
      <c r="D274" s="36"/>
      <c r="E274" s="18" t="str">
        <f t="shared" si="4"/>
        <v/>
      </c>
    </row>
    <row r="275" spans="2:5" hidden="1" x14ac:dyDescent="0.35">
      <c r="B275" s="26">
        <v>44837</v>
      </c>
      <c r="C275" s="33"/>
      <c r="E275" s="64" t="str">
        <f t="shared" si="4"/>
        <v/>
      </c>
    </row>
    <row r="276" spans="2:5" hidden="1" x14ac:dyDescent="0.35">
      <c r="B276" s="26">
        <v>44838</v>
      </c>
      <c r="C276" s="33"/>
      <c r="E276" s="65" t="str">
        <f t="shared" si="4"/>
        <v/>
      </c>
    </row>
    <row r="277" spans="2:5" hidden="1" x14ac:dyDescent="0.35">
      <c r="B277" s="26">
        <v>44839</v>
      </c>
      <c r="C277" s="33"/>
      <c r="E277" s="65" t="str">
        <f t="shared" si="4"/>
        <v/>
      </c>
    </row>
    <row r="278" spans="2:5" hidden="1" x14ac:dyDescent="0.35">
      <c r="B278" s="26">
        <v>44840</v>
      </c>
      <c r="C278" s="33"/>
      <c r="E278" s="65" t="str">
        <f t="shared" si="4"/>
        <v/>
      </c>
    </row>
    <row r="279" spans="2:5" hidden="1" x14ac:dyDescent="0.35">
      <c r="B279" s="35">
        <v>44841</v>
      </c>
      <c r="C279" s="34"/>
      <c r="D279" s="36"/>
      <c r="E279" s="18" t="str">
        <f t="shared" si="4"/>
        <v/>
      </c>
    </row>
    <row r="280" spans="2:5" hidden="1" x14ac:dyDescent="0.35">
      <c r="B280" s="26">
        <v>44844</v>
      </c>
      <c r="C280" s="33"/>
      <c r="E280" s="64" t="str">
        <f t="shared" si="4"/>
        <v/>
      </c>
    </row>
    <row r="281" spans="2:5" hidden="1" x14ac:dyDescent="0.35">
      <c r="B281" s="26">
        <v>44845</v>
      </c>
      <c r="C281" s="33"/>
      <c r="E281" s="65" t="str">
        <f t="shared" si="4"/>
        <v/>
      </c>
    </row>
    <row r="282" spans="2:5" hidden="1" x14ac:dyDescent="0.35">
      <c r="B282" s="26">
        <v>44846</v>
      </c>
      <c r="C282" s="33"/>
      <c r="E282" s="65" t="str">
        <f t="shared" si="4"/>
        <v/>
      </c>
    </row>
    <row r="283" spans="2:5" hidden="1" x14ac:dyDescent="0.35">
      <c r="B283" s="26">
        <v>44847</v>
      </c>
      <c r="C283" s="33"/>
      <c r="E283" s="65" t="str">
        <f t="shared" si="4"/>
        <v/>
      </c>
    </row>
    <row r="284" spans="2:5" hidden="1" x14ac:dyDescent="0.35">
      <c r="B284" s="35">
        <v>44848</v>
      </c>
      <c r="C284" s="34"/>
      <c r="D284" s="36"/>
      <c r="E284" s="18" t="str">
        <f t="shared" si="4"/>
        <v/>
      </c>
    </row>
    <row r="285" spans="2:5" hidden="1" x14ac:dyDescent="0.35">
      <c r="B285" s="26">
        <v>44851</v>
      </c>
      <c r="C285" s="33"/>
      <c r="E285" s="64" t="str">
        <f t="shared" si="4"/>
        <v/>
      </c>
    </row>
    <row r="286" spans="2:5" hidden="1" x14ac:dyDescent="0.35">
      <c r="B286" s="26">
        <v>44852</v>
      </c>
      <c r="C286" s="33"/>
      <c r="E286" s="65" t="str">
        <f t="shared" si="4"/>
        <v/>
      </c>
    </row>
    <row r="287" spans="2:5" hidden="1" x14ac:dyDescent="0.35">
      <c r="B287" s="26">
        <v>44853</v>
      </c>
      <c r="C287" s="33"/>
      <c r="E287" s="65" t="str">
        <f t="shared" si="4"/>
        <v/>
      </c>
    </row>
    <row r="288" spans="2:5" hidden="1" x14ac:dyDescent="0.35">
      <c r="B288" s="26">
        <v>44854</v>
      </c>
      <c r="C288" s="33"/>
      <c r="E288" s="65" t="str">
        <f t="shared" si="4"/>
        <v/>
      </c>
    </row>
    <row r="289" spans="2:5" hidden="1" x14ac:dyDescent="0.35">
      <c r="B289" s="35">
        <v>44855</v>
      </c>
      <c r="C289" s="34"/>
      <c r="D289" s="36"/>
      <c r="E289" s="18" t="str">
        <f t="shared" si="4"/>
        <v/>
      </c>
    </row>
    <row r="290" spans="2:5" hidden="1" x14ac:dyDescent="0.35">
      <c r="B290" s="26">
        <v>44858</v>
      </c>
      <c r="C290" s="33"/>
      <c r="E290" s="64" t="str">
        <f t="shared" si="4"/>
        <v/>
      </c>
    </row>
    <row r="291" spans="2:5" hidden="1" x14ac:dyDescent="0.35">
      <c r="B291" s="26">
        <v>44859</v>
      </c>
      <c r="C291" s="33"/>
      <c r="E291" s="65" t="str">
        <f t="shared" si="4"/>
        <v/>
      </c>
    </row>
    <row r="292" spans="2:5" hidden="1" x14ac:dyDescent="0.35">
      <c r="B292" s="26">
        <v>44860</v>
      </c>
      <c r="C292" s="33"/>
      <c r="E292" s="65" t="str">
        <f t="shared" si="4"/>
        <v/>
      </c>
    </row>
    <row r="293" spans="2:5" hidden="1" x14ac:dyDescent="0.35">
      <c r="B293" s="26">
        <v>44861</v>
      </c>
      <c r="C293" s="33"/>
      <c r="E293" s="65" t="str">
        <f t="shared" si="4"/>
        <v/>
      </c>
    </row>
    <row r="294" spans="2:5" hidden="1" x14ac:dyDescent="0.35">
      <c r="B294" s="35">
        <v>44862</v>
      </c>
      <c r="C294" s="34"/>
      <c r="D294" s="36"/>
      <c r="E294" s="18" t="str">
        <f t="shared" si="4"/>
        <v/>
      </c>
    </row>
    <row r="295" spans="2:5" hidden="1" x14ac:dyDescent="0.35">
      <c r="B295" s="26">
        <v>44865</v>
      </c>
      <c r="C295" s="33"/>
      <c r="E295" s="64" t="str">
        <f t="shared" si="4"/>
        <v/>
      </c>
    </row>
    <row r="296" spans="2:5" hidden="1" x14ac:dyDescent="0.35">
      <c r="B296" s="26">
        <v>44866</v>
      </c>
      <c r="C296" s="33"/>
      <c r="E296" s="65" t="str">
        <f t="shared" si="4"/>
        <v/>
      </c>
    </row>
    <row r="297" spans="2:5" hidden="1" x14ac:dyDescent="0.35">
      <c r="B297" s="26">
        <v>44867</v>
      </c>
      <c r="C297" s="33"/>
      <c r="E297" s="65" t="str">
        <f t="shared" si="4"/>
        <v/>
      </c>
    </row>
    <row r="298" spans="2:5" hidden="1" x14ac:dyDescent="0.35">
      <c r="B298" s="26">
        <v>44868</v>
      </c>
      <c r="C298" s="33"/>
      <c r="E298" s="65" t="str">
        <f t="shared" si="4"/>
        <v/>
      </c>
    </row>
    <row r="299" spans="2:5" hidden="1" x14ac:dyDescent="0.35">
      <c r="B299" s="35">
        <v>44869</v>
      </c>
      <c r="C299" s="34"/>
      <c r="D299" s="36"/>
      <c r="E299" s="18" t="str">
        <f t="shared" si="4"/>
        <v/>
      </c>
    </row>
    <row r="300" spans="2:5" hidden="1" x14ac:dyDescent="0.35">
      <c r="B300" s="26">
        <v>44872</v>
      </c>
      <c r="C300" s="33"/>
      <c r="E300" s="64" t="str">
        <f t="shared" si="4"/>
        <v/>
      </c>
    </row>
    <row r="301" spans="2:5" hidden="1" x14ac:dyDescent="0.35">
      <c r="B301" s="26">
        <v>44873</v>
      </c>
      <c r="C301" s="33"/>
      <c r="E301" s="65" t="str">
        <f t="shared" si="4"/>
        <v/>
      </c>
    </row>
    <row r="302" spans="2:5" hidden="1" x14ac:dyDescent="0.35">
      <c r="B302" s="26">
        <v>44874</v>
      </c>
      <c r="C302" s="33"/>
      <c r="E302" s="65" t="str">
        <f t="shared" si="4"/>
        <v/>
      </c>
    </row>
    <row r="303" spans="2:5" hidden="1" x14ac:dyDescent="0.35">
      <c r="B303" s="26">
        <v>44875</v>
      </c>
      <c r="C303" s="33"/>
      <c r="E303" s="65" t="str">
        <f t="shared" si="4"/>
        <v/>
      </c>
    </row>
    <row r="304" spans="2:5" hidden="1" x14ac:dyDescent="0.35">
      <c r="B304" s="35">
        <v>44876</v>
      </c>
      <c r="C304" s="34"/>
      <c r="D304" s="36"/>
      <c r="E304" s="18" t="str">
        <f t="shared" si="4"/>
        <v/>
      </c>
    </row>
    <row r="305" spans="2:5" hidden="1" x14ac:dyDescent="0.35">
      <c r="B305" s="26">
        <v>44879</v>
      </c>
      <c r="C305" s="34"/>
      <c r="E305" s="18" t="str">
        <f t="shared" si="4"/>
        <v/>
      </c>
    </row>
    <row r="306" spans="2:5" x14ac:dyDescent="0.35">
      <c r="B306" s="29" t="s">
        <v>10</v>
      </c>
      <c r="C306" s="30">
        <f>SUM(C13:C305)</f>
        <v>448841</v>
      </c>
      <c r="D306" s="31">
        <f>E306/C306</f>
        <v>13.332836572416513</v>
      </c>
      <c r="E306" s="32">
        <f>SUM(E13:E305)</f>
        <v>5984323.7000000002</v>
      </c>
    </row>
  </sheetData>
  <pageMargins left="0.7" right="0.7" top="0.75" bottom="0.75" header="0.3" footer="0.3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2E1886-859F-438B-B21F-3E3D1D12C032}">
  <dimension ref="A2:N392"/>
  <sheetViews>
    <sheetView zoomScale="80" zoomScaleNormal="80" workbookViewId="0">
      <selection activeCell="H7" sqref="H7"/>
    </sheetView>
  </sheetViews>
  <sheetFormatPr defaultColWidth="9" defaultRowHeight="14.5" x14ac:dyDescent="0.35"/>
  <cols>
    <col min="1" max="1" width="3.58203125" style="1" customWidth="1"/>
    <col min="2" max="2" width="14.33203125" style="1" customWidth="1"/>
    <col min="3" max="3" width="15.25" style="1" bestFit="1" customWidth="1"/>
    <col min="4" max="4" width="10.58203125" style="1" customWidth="1"/>
    <col min="5" max="5" width="10" style="1" customWidth="1"/>
    <col min="6" max="6" width="14.33203125" style="1" customWidth="1"/>
    <col min="7" max="7" width="17.5" style="1" customWidth="1"/>
    <col min="8" max="16384" width="9" style="1"/>
  </cols>
  <sheetData>
    <row r="2" spans="1:12" ht="21" x14ac:dyDescent="0.5">
      <c r="A2" s="73" t="s">
        <v>0</v>
      </c>
      <c r="B2" s="73"/>
      <c r="C2" s="73"/>
      <c r="D2" s="73"/>
      <c r="E2" s="73"/>
      <c r="F2" s="73"/>
      <c r="G2" s="73"/>
    </row>
    <row r="8" spans="1:12" x14ac:dyDescent="0.35">
      <c r="L8"/>
    </row>
    <row r="10" spans="1:12" ht="18.75" customHeight="1" x14ac:dyDescent="0.35">
      <c r="B10" s="74" t="s">
        <v>11</v>
      </c>
      <c r="C10" s="74"/>
      <c r="D10" s="74"/>
      <c r="E10" s="74"/>
      <c r="F10" s="74"/>
      <c r="G10" s="74"/>
    </row>
    <row r="11" spans="1:12" ht="18.75" customHeight="1" x14ac:dyDescent="0.35">
      <c r="B11" s="2" t="s">
        <v>7</v>
      </c>
      <c r="C11" s="2" t="s">
        <v>12</v>
      </c>
      <c r="D11" s="2" t="s">
        <v>13</v>
      </c>
      <c r="E11" s="2" t="s">
        <v>14</v>
      </c>
      <c r="F11" s="2" t="s">
        <v>15</v>
      </c>
      <c r="G11" s="2" t="s">
        <v>16</v>
      </c>
    </row>
    <row r="12" spans="1:12" x14ac:dyDescent="0.35">
      <c r="B12" s="16">
        <v>44501</v>
      </c>
      <c r="C12" s="15">
        <v>44501.385000000002</v>
      </c>
      <c r="D12" s="1">
        <v>305</v>
      </c>
      <c r="E12" s="1">
        <v>13.24</v>
      </c>
      <c r="F12" s="1">
        <v>4038.2000000000003</v>
      </c>
      <c r="G12" s="1" t="s">
        <v>6</v>
      </c>
    </row>
    <row r="13" spans="1:12" x14ac:dyDescent="0.35">
      <c r="B13" s="16">
        <v>44501</v>
      </c>
      <c r="C13" s="15">
        <v>44501.385416666664</v>
      </c>
      <c r="D13" s="1">
        <v>297</v>
      </c>
      <c r="E13" s="1">
        <v>13.22</v>
      </c>
      <c r="F13" s="1">
        <v>3926.34</v>
      </c>
      <c r="G13" s="1" t="s">
        <v>6</v>
      </c>
    </row>
    <row r="14" spans="1:12" x14ac:dyDescent="0.35">
      <c r="B14" s="16">
        <v>44501</v>
      </c>
      <c r="C14" s="15">
        <v>44501.385416666664</v>
      </c>
      <c r="D14" s="1">
        <v>570</v>
      </c>
      <c r="E14" s="1">
        <v>13.22</v>
      </c>
      <c r="F14" s="1">
        <v>7535.4000000000005</v>
      </c>
      <c r="G14" s="1" t="s">
        <v>6</v>
      </c>
    </row>
    <row r="15" spans="1:12" x14ac:dyDescent="0.35">
      <c r="B15" s="16">
        <v>44501</v>
      </c>
      <c r="C15" s="15">
        <v>44501.410138888888</v>
      </c>
      <c r="D15" s="1">
        <v>286</v>
      </c>
      <c r="E15" s="1">
        <v>13.28</v>
      </c>
      <c r="F15" s="1">
        <v>3798.08</v>
      </c>
      <c r="G15" s="1" t="s">
        <v>6</v>
      </c>
    </row>
    <row r="16" spans="1:12" x14ac:dyDescent="0.35">
      <c r="B16" s="16">
        <v>44501</v>
      </c>
      <c r="C16" s="15">
        <v>44501.410138888888</v>
      </c>
      <c r="D16" s="1">
        <v>343</v>
      </c>
      <c r="E16" s="1">
        <v>13.28</v>
      </c>
      <c r="F16" s="1">
        <v>4555.04</v>
      </c>
      <c r="G16" s="1" t="s">
        <v>6</v>
      </c>
    </row>
    <row r="17" spans="2:7" x14ac:dyDescent="0.35">
      <c r="B17" s="16">
        <v>44501</v>
      </c>
      <c r="C17" s="15">
        <v>44501.410138888888</v>
      </c>
      <c r="D17" s="1">
        <v>273</v>
      </c>
      <c r="E17" s="1">
        <v>13.28</v>
      </c>
      <c r="F17" s="1">
        <v>3625.4399999999996</v>
      </c>
      <c r="G17" s="1" t="s">
        <v>6</v>
      </c>
    </row>
    <row r="18" spans="2:7" x14ac:dyDescent="0.35">
      <c r="B18" s="16">
        <v>44501</v>
      </c>
      <c r="C18" s="15">
        <v>44501.410138888888</v>
      </c>
      <c r="D18" s="1">
        <v>80</v>
      </c>
      <c r="E18" s="1">
        <v>13.28</v>
      </c>
      <c r="F18" s="1">
        <v>1062.3999999999999</v>
      </c>
      <c r="G18" s="1" t="s">
        <v>6</v>
      </c>
    </row>
    <row r="19" spans="2:7" x14ac:dyDescent="0.35">
      <c r="B19" s="16">
        <v>44501</v>
      </c>
      <c r="C19" s="15">
        <v>44501.410138888888</v>
      </c>
      <c r="D19" s="1">
        <v>488</v>
      </c>
      <c r="E19" s="1">
        <v>13.28</v>
      </c>
      <c r="F19" s="1">
        <v>6480.6399999999994</v>
      </c>
      <c r="G19" s="1" t="s">
        <v>6</v>
      </c>
    </row>
    <row r="20" spans="2:7" x14ac:dyDescent="0.35">
      <c r="B20" s="16">
        <v>44501</v>
      </c>
      <c r="C20" s="15">
        <v>44501.420115740744</v>
      </c>
      <c r="D20" s="1">
        <v>309</v>
      </c>
      <c r="E20" s="1">
        <v>13.28</v>
      </c>
      <c r="F20" s="1">
        <v>4103.5199999999995</v>
      </c>
      <c r="G20" s="1" t="s">
        <v>6</v>
      </c>
    </row>
    <row r="21" spans="2:7" x14ac:dyDescent="0.35">
      <c r="B21" s="16">
        <v>44501</v>
      </c>
      <c r="C21" s="15">
        <v>44501.421643518515</v>
      </c>
      <c r="D21" s="1">
        <v>331</v>
      </c>
      <c r="E21" s="1">
        <v>13.22</v>
      </c>
      <c r="F21" s="1">
        <v>4375.8200000000006</v>
      </c>
      <c r="G21" s="1" t="s">
        <v>6</v>
      </c>
    </row>
    <row r="22" spans="2:7" x14ac:dyDescent="0.35">
      <c r="B22" s="16">
        <v>44501</v>
      </c>
      <c r="C22" s="15">
        <v>44501.435879629629</v>
      </c>
      <c r="D22" s="1">
        <v>11</v>
      </c>
      <c r="E22" s="1">
        <v>13.22</v>
      </c>
      <c r="F22" s="1">
        <v>145.42000000000002</v>
      </c>
      <c r="G22" s="1" t="s">
        <v>6</v>
      </c>
    </row>
    <row r="23" spans="2:7" x14ac:dyDescent="0.35">
      <c r="B23" s="16">
        <v>44501</v>
      </c>
      <c r="C23" s="15">
        <v>44501.435879629629</v>
      </c>
      <c r="D23" s="1">
        <v>37</v>
      </c>
      <c r="E23" s="1">
        <v>13.22</v>
      </c>
      <c r="F23" s="1">
        <v>489.14000000000004</v>
      </c>
      <c r="G23" s="1" t="s">
        <v>6</v>
      </c>
    </row>
    <row r="24" spans="2:7" x14ac:dyDescent="0.35">
      <c r="B24" s="16">
        <v>44501</v>
      </c>
      <c r="C24" s="15">
        <v>44501.435879629629</v>
      </c>
      <c r="D24" s="1">
        <v>258</v>
      </c>
      <c r="E24" s="1">
        <v>13.22</v>
      </c>
      <c r="F24" s="1">
        <v>3410.76</v>
      </c>
      <c r="G24" s="1" t="s">
        <v>6</v>
      </c>
    </row>
    <row r="25" spans="2:7" x14ac:dyDescent="0.35">
      <c r="B25" s="16">
        <v>44501</v>
      </c>
      <c r="C25" s="15">
        <v>44501.448900462965</v>
      </c>
      <c r="D25" s="1">
        <v>67</v>
      </c>
      <c r="E25" s="1">
        <v>13.18</v>
      </c>
      <c r="F25" s="1">
        <v>883.06</v>
      </c>
      <c r="G25" s="1" t="s">
        <v>6</v>
      </c>
    </row>
    <row r="26" spans="2:7" x14ac:dyDescent="0.35">
      <c r="B26" s="16">
        <v>44501</v>
      </c>
      <c r="C26" s="15">
        <v>44501.45820601852</v>
      </c>
      <c r="D26" s="1">
        <v>18</v>
      </c>
      <c r="E26" s="1">
        <v>13.22</v>
      </c>
      <c r="F26" s="1">
        <v>237.96</v>
      </c>
      <c r="G26" s="1" t="s">
        <v>6</v>
      </c>
    </row>
    <row r="27" spans="2:7" x14ac:dyDescent="0.35">
      <c r="B27" s="16">
        <v>44501</v>
      </c>
      <c r="C27" s="15">
        <v>44501.45820601852</v>
      </c>
      <c r="D27" s="1">
        <v>306</v>
      </c>
      <c r="E27" s="1">
        <v>13.22</v>
      </c>
      <c r="F27" s="1">
        <v>4045.32</v>
      </c>
      <c r="G27" s="1" t="s">
        <v>6</v>
      </c>
    </row>
    <row r="28" spans="2:7" x14ac:dyDescent="0.35">
      <c r="B28" s="16">
        <v>44501</v>
      </c>
      <c r="C28" s="15">
        <v>44501.45820601852</v>
      </c>
      <c r="D28" s="1">
        <v>616</v>
      </c>
      <c r="E28" s="1">
        <v>13.22</v>
      </c>
      <c r="F28" s="1">
        <v>8143.52</v>
      </c>
      <c r="G28" s="1" t="s">
        <v>6</v>
      </c>
    </row>
    <row r="29" spans="2:7" x14ac:dyDescent="0.35">
      <c r="B29" s="16">
        <v>44501</v>
      </c>
      <c r="C29" s="15">
        <v>44501.45820601852</v>
      </c>
      <c r="D29" s="1">
        <v>328</v>
      </c>
      <c r="E29" s="1">
        <v>13.22</v>
      </c>
      <c r="F29" s="1">
        <v>4336.16</v>
      </c>
      <c r="G29" s="1" t="s">
        <v>6</v>
      </c>
    </row>
    <row r="30" spans="2:7" x14ac:dyDescent="0.35">
      <c r="B30" s="16">
        <v>44501</v>
      </c>
      <c r="C30" s="15">
        <v>44501.45820601852</v>
      </c>
      <c r="D30" s="1">
        <v>246</v>
      </c>
      <c r="E30" s="1">
        <v>13.22</v>
      </c>
      <c r="F30" s="1">
        <v>3252.1200000000003</v>
      </c>
      <c r="G30" s="1" t="s">
        <v>6</v>
      </c>
    </row>
    <row r="31" spans="2:7" x14ac:dyDescent="0.35">
      <c r="B31" s="16">
        <v>44501</v>
      </c>
      <c r="C31" s="15">
        <v>44501.478888888887</v>
      </c>
      <c r="D31" s="1">
        <v>312</v>
      </c>
      <c r="E31" s="1">
        <v>13.16</v>
      </c>
      <c r="F31" s="1">
        <v>4105.92</v>
      </c>
      <c r="G31" s="1" t="s">
        <v>6</v>
      </c>
    </row>
    <row r="32" spans="2:7" x14ac:dyDescent="0.35">
      <c r="B32" s="16">
        <v>44501</v>
      </c>
      <c r="C32" s="15">
        <v>44501.478888888887</v>
      </c>
      <c r="D32" s="1">
        <v>297</v>
      </c>
      <c r="E32" s="1">
        <v>13.16</v>
      </c>
      <c r="F32" s="1">
        <v>3908.52</v>
      </c>
      <c r="G32" s="1" t="s">
        <v>6</v>
      </c>
    </row>
    <row r="33" spans="2:7" x14ac:dyDescent="0.35">
      <c r="B33" s="16">
        <v>44501</v>
      </c>
      <c r="C33" s="15">
        <v>44501.478888888887</v>
      </c>
      <c r="D33" s="1">
        <v>3</v>
      </c>
      <c r="E33" s="1">
        <v>13.16</v>
      </c>
      <c r="F33" s="1">
        <v>39.480000000000004</v>
      </c>
      <c r="G33" s="1" t="s">
        <v>6</v>
      </c>
    </row>
    <row r="34" spans="2:7" x14ac:dyDescent="0.35">
      <c r="B34" s="16">
        <v>44501</v>
      </c>
      <c r="C34" s="15">
        <v>44501.485937500001</v>
      </c>
      <c r="D34" s="1">
        <v>95</v>
      </c>
      <c r="E34" s="1">
        <v>13.16</v>
      </c>
      <c r="F34" s="1">
        <v>1250.2</v>
      </c>
      <c r="G34" s="1" t="s">
        <v>6</v>
      </c>
    </row>
    <row r="35" spans="2:7" x14ac:dyDescent="0.35">
      <c r="B35" s="16">
        <v>44501</v>
      </c>
      <c r="C35" s="15">
        <v>44501.485972222225</v>
      </c>
      <c r="D35" s="1">
        <v>22</v>
      </c>
      <c r="E35" s="1">
        <v>13.16</v>
      </c>
      <c r="F35" s="1">
        <v>289.52</v>
      </c>
      <c r="G35" s="1" t="s">
        <v>6</v>
      </c>
    </row>
    <row r="36" spans="2:7" x14ac:dyDescent="0.35">
      <c r="B36" s="16">
        <v>44501</v>
      </c>
      <c r="C36" s="15">
        <v>44501.5078125</v>
      </c>
      <c r="D36" s="1">
        <v>100</v>
      </c>
      <c r="E36" s="1">
        <v>13.18</v>
      </c>
      <c r="F36" s="1">
        <v>1318</v>
      </c>
      <c r="G36" s="1" t="s">
        <v>6</v>
      </c>
    </row>
    <row r="37" spans="2:7" x14ac:dyDescent="0.35">
      <c r="B37" s="16">
        <v>44501</v>
      </c>
      <c r="C37" s="15">
        <v>44501.5078125</v>
      </c>
      <c r="D37" s="1">
        <v>188</v>
      </c>
      <c r="E37" s="1">
        <v>13.18</v>
      </c>
      <c r="F37" s="1">
        <v>2477.84</v>
      </c>
      <c r="G37" s="1" t="s">
        <v>6</v>
      </c>
    </row>
    <row r="38" spans="2:7" x14ac:dyDescent="0.35">
      <c r="B38" s="16">
        <v>44501</v>
      </c>
      <c r="C38" s="15">
        <v>44501.515729166669</v>
      </c>
      <c r="D38" s="1">
        <v>100</v>
      </c>
      <c r="E38" s="1">
        <v>13.18</v>
      </c>
      <c r="F38" s="1">
        <v>1318</v>
      </c>
      <c r="G38" s="1" t="s">
        <v>6</v>
      </c>
    </row>
    <row r="39" spans="2:7" x14ac:dyDescent="0.35">
      <c r="B39" s="16">
        <v>44501</v>
      </c>
      <c r="C39" s="15">
        <v>44501.518437500003</v>
      </c>
      <c r="D39" s="1">
        <v>48</v>
      </c>
      <c r="E39" s="1">
        <v>13.18</v>
      </c>
      <c r="F39" s="1">
        <v>632.64</v>
      </c>
      <c r="G39" s="1" t="s">
        <v>6</v>
      </c>
    </row>
    <row r="40" spans="2:7" x14ac:dyDescent="0.35">
      <c r="B40" s="16">
        <v>44501</v>
      </c>
      <c r="C40" s="15">
        <v>44501.518437500003</v>
      </c>
      <c r="D40" s="1">
        <v>243</v>
      </c>
      <c r="E40" s="1">
        <v>13.18</v>
      </c>
      <c r="F40" s="1">
        <v>3202.74</v>
      </c>
      <c r="G40" s="1" t="s">
        <v>6</v>
      </c>
    </row>
    <row r="41" spans="2:7" x14ac:dyDescent="0.35">
      <c r="B41" s="16">
        <v>44501</v>
      </c>
      <c r="C41" s="15">
        <v>44501.52679398148</v>
      </c>
      <c r="D41" s="1">
        <v>306</v>
      </c>
      <c r="E41" s="1">
        <v>13.18</v>
      </c>
      <c r="F41" s="1">
        <v>4033.08</v>
      </c>
      <c r="G41" s="1" t="s">
        <v>6</v>
      </c>
    </row>
    <row r="42" spans="2:7" x14ac:dyDescent="0.35">
      <c r="B42" s="16">
        <v>44501</v>
      </c>
      <c r="C42" s="15">
        <v>44501.52679398148</v>
      </c>
      <c r="D42" s="1">
        <v>67</v>
      </c>
      <c r="E42" s="1">
        <v>13.16</v>
      </c>
      <c r="F42" s="1">
        <v>881.72</v>
      </c>
      <c r="G42" s="1" t="s">
        <v>6</v>
      </c>
    </row>
    <row r="43" spans="2:7" x14ac:dyDescent="0.35">
      <c r="B43" s="16">
        <v>44501</v>
      </c>
      <c r="C43" s="15">
        <v>44501.52679398148</v>
      </c>
      <c r="D43" s="1">
        <v>278</v>
      </c>
      <c r="E43" s="1">
        <v>13.16</v>
      </c>
      <c r="F43" s="1">
        <v>3658.48</v>
      </c>
      <c r="G43" s="1" t="s">
        <v>6</v>
      </c>
    </row>
    <row r="44" spans="2:7" x14ac:dyDescent="0.35">
      <c r="B44" s="16">
        <v>44501</v>
      </c>
      <c r="C44" s="15">
        <v>44501.52679398148</v>
      </c>
      <c r="D44" s="1">
        <v>21</v>
      </c>
      <c r="E44" s="1">
        <v>13.16</v>
      </c>
      <c r="F44" s="1">
        <v>276.36</v>
      </c>
      <c r="G44" s="1" t="s">
        <v>6</v>
      </c>
    </row>
    <row r="45" spans="2:7" x14ac:dyDescent="0.35">
      <c r="B45" s="16">
        <v>44501</v>
      </c>
      <c r="C45" s="15">
        <v>44501.526828703703</v>
      </c>
      <c r="D45" s="1">
        <v>59</v>
      </c>
      <c r="E45" s="1">
        <v>13.16</v>
      </c>
      <c r="F45" s="1">
        <v>776.44</v>
      </c>
      <c r="G45" s="1" t="s">
        <v>6</v>
      </c>
    </row>
    <row r="46" spans="2:7" x14ac:dyDescent="0.35">
      <c r="B46" s="16">
        <v>44501</v>
      </c>
      <c r="C46" s="15">
        <v>44501.526944444442</v>
      </c>
      <c r="D46" s="1">
        <v>12</v>
      </c>
      <c r="E46" s="1">
        <v>13.16</v>
      </c>
      <c r="F46" s="1">
        <v>157.92000000000002</v>
      </c>
      <c r="G46" s="1" t="s">
        <v>6</v>
      </c>
    </row>
    <row r="47" spans="2:7" x14ac:dyDescent="0.35">
      <c r="B47" s="16">
        <v>44501</v>
      </c>
      <c r="C47" s="15">
        <v>44501.529629629629</v>
      </c>
      <c r="D47" s="1">
        <v>388</v>
      </c>
      <c r="E47" s="1">
        <v>13.16</v>
      </c>
      <c r="F47" s="1">
        <v>5106.08</v>
      </c>
      <c r="G47" s="1" t="s">
        <v>6</v>
      </c>
    </row>
    <row r="48" spans="2:7" x14ac:dyDescent="0.35">
      <c r="B48" s="16">
        <v>44501</v>
      </c>
      <c r="C48" s="15">
        <v>44501.529629629629</v>
      </c>
      <c r="D48" s="1">
        <v>13</v>
      </c>
      <c r="E48" s="1">
        <v>13.16</v>
      </c>
      <c r="F48" s="1">
        <v>171.08</v>
      </c>
      <c r="G48" s="1" t="s">
        <v>6</v>
      </c>
    </row>
    <row r="49" spans="2:7" x14ac:dyDescent="0.35">
      <c r="B49" s="16">
        <v>44501</v>
      </c>
      <c r="C49" s="15">
        <v>44501.529629629629</v>
      </c>
      <c r="D49" s="1">
        <v>12</v>
      </c>
      <c r="E49" s="1">
        <v>13.16</v>
      </c>
      <c r="F49" s="1">
        <v>157.92000000000002</v>
      </c>
      <c r="G49" s="1" t="s">
        <v>6</v>
      </c>
    </row>
    <row r="50" spans="2:7" x14ac:dyDescent="0.35">
      <c r="B50" s="16">
        <v>44501</v>
      </c>
      <c r="C50" s="15">
        <v>44501.546840277777</v>
      </c>
      <c r="D50" s="1">
        <v>320</v>
      </c>
      <c r="E50" s="1">
        <v>13.16</v>
      </c>
      <c r="F50" s="1">
        <v>4211.2</v>
      </c>
      <c r="G50" s="1" t="s">
        <v>6</v>
      </c>
    </row>
    <row r="51" spans="2:7" x14ac:dyDescent="0.35">
      <c r="B51" s="16">
        <v>44501</v>
      </c>
      <c r="C51" s="15">
        <v>44501.557905092595</v>
      </c>
      <c r="D51" s="1">
        <v>306</v>
      </c>
      <c r="E51" s="1">
        <v>13.14</v>
      </c>
      <c r="F51" s="1">
        <v>4020.84</v>
      </c>
      <c r="G51" s="1" t="s">
        <v>6</v>
      </c>
    </row>
    <row r="52" spans="2:7" x14ac:dyDescent="0.35">
      <c r="B52" s="16">
        <v>44501</v>
      </c>
      <c r="C52" s="15">
        <v>44501.578576388885</v>
      </c>
      <c r="D52" s="1">
        <v>12</v>
      </c>
      <c r="E52" s="1">
        <v>13.14</v>
      </c>
      <c r="F52" s="1">
        <v>157.68</v>
      </c>
      <c r="G52" s="1" t="s">
        <v>6</v>
      </c>
    </row>
    <row r="53" spans="2:7" x14ac:dyDescent="0.35">
      <c r="B53" s="16">
        <v>44501</v>
      </c>
      <c r="C53" s="15">
        <v>44501.578969907408</v>
      </c>
      <c r="D53" s="1">
        <v>296</v>
      </c>
      <c r="E53" s="1">
        <v>13.16</v>
      </c>
      <c r="F53" s="1">
        <v>3895.36</v>
      </c>
      <c r="G53" s="1" t="s">
        <v>6</v>
      </c>
    </row>
    <row r="54" spans="2:7" x14ac:dyDescent="0.35">
      <c r="B54" s="16">
        <v>44501</v>
      </c>
      <c r="C54" s="15">
        <v>44501.579108796293</v>
      </c>
      <c r="D54" s="1">
        <v>73</v>
      </c>
      <c r="E54" s="1">
        <v>13.14</v>
      </c>
      <c r="F54" s="1">
        <v>959.22</v>
      </c>
      <c r="G54" s="1" t="s">
        <v>6</v>
      </c>
    </row>
    <row r="55" spans="2:7" x14ac:dyDescent="0.35">
      <c r="B55" s="16">
        <v>44501</v>
      </c>
      <c r="C55" s="15">
        <v>44501.579108796293</v>
      </c>
      <c r="D55" s="1">
        <v>219</v>
      </c>
      <c r="E55" s="1">
        <v>13.14</v>
      </c>
      <c r="F55" s="1">
        <v>2877.6600000000003</v>
      </c>
      <c r="G55" s="1" t="s">
        <v>6</v>
      </c>
    </row>
    <row r="56" spans="2:7" x14ac:dyDescent="0.35">
      <c r="B56" s="16">
        <v>44501</v>
      </c>
      <c r="C56" s="15">
        <v>44501.579108796293</v>
      </c>
      <c r="D56" s="1">
        <v>292</v>
      </c>
      <c r="E56" s="1">
        <v>13.14</v>
      </c>
      <c r="F56" s="1">
        <v>3836.88</v>
      </c>
      <c r="G56" s="1" t="s">
        <v>6</v>
      </c>
    </row>
    <row r="57" spans="2:7" x14ac:dyDescent="0.35">
      <c r="B57" s="16">
        <v>44501</v>
      </c>
      <c r="C57" s="15">
        <v>44501.618680555555</v>
      </c>
      <c r="D57" s="1">
        <v>106</v>
      </c>
      <c r="E57" s="1">
        <v>13.16</v>
      </c>
      <c r="F57" s="1">
        <v>1394.96</v>
      </c>
      <c r="G57" s="1" t="s">
        <v>6</v>
      </c>
    </row>
    <row r="58" spans="2:7" x14ac:dyDescent="0.35">
      <c r="B58" s="16">
        <v>44501</v>
      </c>
      <c r="C58" s="15">
        <v>44501.618680555555</v>
      </c>
      <c r="D58" s="1">
        <v>66</v>
      </c>
      <c r="E58" s="1">
        <v>13.16</v>
      </c>
      <c r="F58" s="1">
        <v>868.56000000000006</v>
      </c>
      <c r="G58" s="1" t="s">
        <v>6</v>
      </c>
    </row>
    <row r="59" spans="2:7" x14ac:dyDescent="0.35">
      <c r="B59" s="16">
        <v>44501</v>
      </c>
      <c r="C59" s="15">
        <v>44501.618715277778</v>
      </c>
      <c r="D59" s="1">
        <v>45</v>
      </c>
      <c r="E59" s="1">
        <v>13.16</v>
      </c>
      <c r="F59" s="1">
        <v>592.20000000000005</v>
      </c>
      <c r="G59" s="1" t="s">
        <v>6</v>
      </c>
    </row>
    <row r="60" spans="2:7" x14ac:dyDescent="0.35">
      <c r="B60" s="16">
        <v>44501</v>
      </c>
      <c r="C60" s="15">
        <v>44501.618715277778</v>
      </c>
      <c r="D60" s="1">
        <v>48</v>
      </c>
      <c r="E60" s="1">
        <v>13.16</v>
      </c>
      <c r="F60" s="1">
        <v>631.68000000000006</v>
      </c>
      <c r="G60" s="1" t="s">
        <v>6</v>
      </c>
    </row>
    <row r="61" spans="2:7" x14ac:dyDescent="0.35">
      <c r="B61" s="16">
        <v>44501</v>
      </c>
      <c r="C61" s="15">
        <v>44501.618715277778</v>
      </c>
      <c r="D61" s="1">
        <v>51</v>
      </c>
      <c r="E61" s="1">
        <v>13.16</v>
      </c>
      <c r="F61" s="1">
        <v>671.16</v>
      </c>
      <c r="G61" s="1" t="s">
        <v>6</v>
      </c>
    </row>
    <row r="62" spans="2:7" x14ac:dyDescent="0.35">
      <c r="B62" s="16">
        <v>44501</v>
      </c>
      <c r="C62" s="15">
        <v>44501.645509259259</v>
      </c>
      <c r="D62" s="1">
        <v>146</v>
      </c>
      <c r="E62" s="1">
        <v>13.16</v>
      </c>
      <c r="F62" s="1">
        <v>1921.3600000000001</v>
      </c>
      <c r="G62" s="1" t="s">
        <v>6</v>
      </c>
    </row>
    <row r="63" spans="2:7" x14ac:dyDescent="0.35">
      <c r="B63" s="16">
        <v>44501</v>
      </c>
      <c r="C63" s="15">
        <v>44501.645509259259</v>
      </c>
      <c r="D63" s="1">
        <v>19</v>
      </c>
      <c r="E63" s="1">
        <v>13.16</v>
      </c>
      <c r="F63" s="1">
        <v>250.04</v>
      </c>
      <c r="G63" s="1" t="s">
        <v>6</v>
      </c>
    </row>
    <row r="64" spans="2:7" x14ac:dyDescent="0.35">
      <c r="B64" s="16">
        <v>44501</v>
      </c>
      <c r="C64" s="15">
        <v>44501.653634259259</v>
      </c>
      <c r="D64" s="1">
        <v>72</v>
      </c>
      <c r="E64" s="1">
        <v>13.16</v>
      </c>
      <c r="F64" s="1">
        <v>947.52</v>
      </c>
      <c r="G64" s="1" t="s">
        <v>6</v>
      </c>
    </row>
    <row r="65" spans="2:7" x14ac:dyDescent="0.35">
      <c r="B65" s="16">
        <v>44501</v>
      </c>
      <c r="C65" s="15">
        <v>44501.653634259259</v>
      </c>
      <c r="D65" s="1">
        <v>210</v>
      </c>
      <c r="E65" s="1">
        <v>13.16</v>
      </c>
      <c r="F65" s="1">
        <v>2763.6</v>
      </c>
      <c r="G65" s="1" t="s">
        <v>6</v>
      </c>
    </row>
    <row r="66" spans="2:7" x14ac:dyDescent="0.35">
      <c r="B66" s="16">
        <v>44501</v>
      </c>
      <c r="C66" s="15">
        <v>44501.653634259259</v>
      </c>
      <c r="D66" s="1">
        <v>273</v>
      </c>
      <c r="E66" s="1">
        <v>13.16</v>
      </c>
      <c r="F66" s="1">
        <v>3592.68</v>
      </c>
      <c r="G66" s="1" t="s">
        <v>6</v>
      </c>
    </row>
    <row r="67" spans="2:7" x14ac:dyDescent="0.35">
      <c r="B67" s="16">
        <v>44501</v>
      </c>
      <c r="C67" s="15">
        <v>44501.653634259259</v>
      </c>
      <c r="D67" s="1">
        <v>1950</v>
      </c>
      <c r="E67" s="1">
        <v>13.16</v>
      </c>
      <c r="F67" s="1">
        <v>25662</v>
      </c>
      <c r="G67" s="1" t="s">
        <v>6</v>
      </c>
    </row>
    <row r="68" spans="2:7" x14ac:dyDescent="0.35">
      <c r="B68" s="16">
        <v>44501</v>
      </c>
      <c r="C68" s="15">
        <v>44501.653634259259</v>
      </c>
      <c r="D68" s="1">
        <v>280</v>
      </c>
      <c r="E68" s="1">
        <v>13.16</v>
      </c>
      <c r="F68" s="1">
        <v>3684.8</v>
      </c>
      <c r="G68" s="1" t="s">
        <v>6</v>
      </c>
    </row>
    <row r="69" spans="2:7" x14ac:dyDescent="0.35">
      <c r="B69" s="16">
        <v>44501</v>
      </c>
      <c r="C69" s="15">
        <v>44501.668263888889</v>
      </c>
      <c r="D69" s="1">
        <v>312</v>
      </c>
      <c r="E69" s="1">
        <v>13.14</v>
      </c>
      <c r="F69" s="1">
        <v>4099.68</v>
      </c>
      <c r="G69" s="1" t="s">
        <v>6</v>
      </c>
    </row>
    <row r="70" spans="2:7" x14ac:dyDescent="0.35">
      <c r="B70" s="16">
        <v>44501</v>
      </c>
      <c r="C70" s="15">
        <v>44501.668263888889</v>
      </c>
      <c r="D70" s="1">
        <v>286</v>
      </c>
      <c r="E70" s="1">
        <v>13.14</v>
      </c>
      <c r="F70" s="1">
        <v>3758.04</v>
      </c>
      <c r="G70" s="1" t="s">
        <v>6</v>
      </c>
    </row>
    <row r="71" spans="2:7" x14ac:dyDescent="0.35">
      <c r="B71" s="16">
        <v>44501</v>
      </c>
      <c r="C71" s="15">
        <v>44501.680428240739</v>
      </c>
      <c r="D71" s="1">
        <v>100</v>
      </c>
      <c r="E71" s="1">
        <v>13.14</v>
      </c>
      <c r="F71" s="1">
        <v>1314</v>
      </c>
      <c r="G71" s="1" t="s">
        <v>6</v>
      </c>
    </row>
    <row r="72" spans="2:7" x14ac:dyDescent="0.35">
      <c r="B72" s="16">
        <v>44501</v>
      </c>
      <c r="C72" s="15">
        <v>44501.680462962962</v>
      </c>
      <c r="D72" s="1">
        <v>12</v>
      </c>
      <c r="E72" s="1">
        <v>13.14</v>
      </c>
      <c r="F72" s="1">
        <v>157.68</v>
      </c>
      <c r="G72" s="1" t="s">
        <v>6</v>
      </c>
    </row>
    <row r="73" spans="2:7" x14ac:dyDescent="0.35">
      <c r="B73" s="16">
        <v>44501</v>
      </c>
      <c r="C73" s="15">
        <v>44501.681030092594</v>
      </c>
      <c r="D73" s="1">
        <v>608</v>
      </c>
      <c r="E73" s="1">
        <v>13.14</v>
      </c>
      <c r="F73" s="1">
        <v>7989.1200000000008</v>
      </c>
      <c r="G73" s="1" t="s">
        <v>6</v>
      </c>
    </row>
    <row r="74" spans="2:7" x14ac:dyDescent="0.35">
      <c r="B74" s="16">
        <v>44501</v>
      </c>
      <c r="C74" s="15">
        <v>44501.681030092594</v>
      </c>
      <c r="D74" s="1">
        <v>250</v>
      </c>
      <c r="E74" s="1">
        <v>13.14</v>
      </c>
      <c r="F74" s="1">
        <v>3285</v>
      </c>
      <c r="G74" s="1" t="s">
        <v>6</v>
      </c>
    </row>
    <row r="75" spans="2:7" x14ac:dyDescent="0.35">
      <c r="B75" s="16">
        <v>44501</v>
      </c>
      <c r="C75" s="15">
        <v>44501.681030092594</v>
      </c>
      <c r="D75" s="1">
        <v>21</v>
      </c>
      <c r="E75" s="1">
        <v>13.14</v>
      </c>
      <c r="F75" s="1">
        <v>275.94</v>
      </c>
      <c r="G75" s="1" t="s">
        <v>6</v>
      </c>
    </row>
    <row r="76" spans="2:7" x14ac:dyDescent="0.35">
      <c r="B76" s="16">
        <v>44501</v>
      </c>
      <c r="C76" s="15">
        <v>44501.693252314813</v>
      </c>
      <c r="D76" s="1">
        <v>3</v>
      </c>
      <c r="E76" s="1">
        <v>13.12</v>
      </c>
      <c r="F76" s="1">
        <v>39.36</v>
      </c>
      <c r="G76" s="1" t="s">
        <v>6</v>
      </c>
    </row>
    <row r="77" spans="2:7" x14ac:dyDescent="0.35">
      <c r="B77" s="16">
        <v>44501</v>
      </c>
      <c r="C77" s="15">
        <v>44501.693379629629</v>
      </c>
      <c r="D77" s="1">
        <v>15</v>
      </c>
      <c r="E77" s="1">
        <v>13.1</v>
      </c>
      <c r="F77" s="1">
        <v>196.5</v>
      </c>
      <c r="G77" s="1" t="s">
        <v>6</v>
      </c>
    </row>
    <row r="78" spans="2:7" x14ac:dyDescent="0.35">
      <c r="B78" s="16">
        <v>44501</v>
      </c>
      <c r="C78" s="15">
        <v>44501.700219907405</v>
      </c>
      <c r="D78" s="1">
        <v>16</v>
      </c>
      <c r="E78" s="1">
        <v>13.1</v>
      </c>
      <c r="F78" s="1">
        <v>209.6</v>
      </c>
      <c r="G78" s="1" t="s">
        <v>6</v>
      </c>
    </row>
    <row r="79" spans="2:7" x14ac:dyDescent="0.35">
      <c r="B79" s="16">
        <v>44501</v>
      </c>
      <c r="C79" s="15">
        <v>44501.70113425926</v>
      </c>
      <c r="D79" s="1">
        <v>21</v>
      </c>
      <c r="E79" s="1">
        <v>13.1</v>
      </c>
      <c r="F79" s="1">
        <v>275.09999999999997</v>
      </c>
      <c r="G79" s="1" t="s">
        <v>6</v>
      </c>
    </row>
    <row r="80" spans="2:7" x14ac:dyDescent="0.35">
      <c r="B80" s="16">
        <v>44501</v>
      </c>
      <c r="C80" s="15">
        <v>44501.713865740741</v>
      </c>
      <c r="D80" s="1">
        <v>250</v>
      </c>
      <c r="E80" s="1">
        <v>13.12</v>
      </c>
      <c r="F80" s="1">
        <v>3280</v>
      </c>
      <c r="G80" s="1" t="s">
        <v>6</v>
      </c>
    </row>
    <row r="81" spans="2:7" x14ac:dyDescent="0.35">
      <c r="B81" s="16">
        <v>44501</v>
      </c>
      <c r="C81" s="15">
        <v>44501.713865740741</v>
      </c>
      <c r="D81" s="1">
        <v>20</v>
      </c>
      <c r="E81" s="1">
        <v>13.1</v>
      </c>
      <c r="F81" s="1">
        <v>262</v>
      </c>
      <c r="G81" s="1" t="s">
        <v>6</v>
      </c>
    </row>
    <row r="82" spans="2:7" x14ac:dyDescent="0.35">
      <c r="B82" s="16">
        <v>44501</v>
      </c>
      <c r="C82" s="15">
        <v>44501.713865740741</v>
      </c>
      <c r="D82" s="1">
        <v>100</v>
      </c>
      <c r="E82" s="1">
        <v>13.1</v>
      </c>
      <c r="F82" s="1">
        <v>1310</v>
      </c>
      <c r="G82" s="1" t="s">
        <v>6</v>
      </c>
    </row>
    <row r="83" spans="2:7" x14ac:dyDescent="0.35">
      <c r="B83" s="16">
        <v>44501</v>
      </c>
      <c r="C83" s="15">
        <v>44501.713865740741</v>
      </c>
      <c r="D83" s="1">
        <v>116</v>
      </c>
      <c r="E83" s="1">
        <v>13.1</v>
      </c>
      <c r="F83" s="1">
        <v>1519.6</v>
      </c>
      <c r="G83" s="1" t="s">
        <v>6</v>
      </c>
    </row>
    <row r="84" spans="2:7" x14ac:dyDescent="0.35">
      <c r="B84" s="16">
        <v>44501</v>
      </c>
      <c r="C84" s="15">
        <v>44501.713865740741</v>
      </c>
      <c r="D84" s="1">
        <v>29</v>
      </c>
      <c r="E84" s="1">
        <v>13.1</v>
      </c>
      <c r="F84" s="1">
        <v>379.9</v>
      </c>
      <c r="G84" s="1" t="s">
        <v>6</v>
      </c>
    </row>
    <row r="85" spans="2:7" x14ac:dyDescent="0.35">
      <c r="B85" s="16">
        <v>44501</v>
      </c>
      <c r="C85" s="15">
        <v>44501.713900462964</v>
      </c>
      <c r="D85" s="1">
        <v>29</v>
      </c>
      <c r="E85" s="1">
        <v>13.1</v>
      </c>
      <c r="F85" s="1">
        <v>379.9</v>
      </c>
      <c r="G85" s="1" t="s">
        <v>6</v>
      </c>
    </row>
    <row r="86" spans="2:7" x14ac:dyDescent="0.35">
      <c r="B86" s="16">
        <v>44501</v>
      </c>
      <c r="C86" s="15">
        <v>44501.71497685185</v>
      </c>
      <c r="D86" s="1">
        <v>18</v>
      </c>
      <c r="E86" s="1">
        <v>13.1</v>
      </c>
      <c r="F86" s="1">
        <v>235.79999999999998</v>
      </c>
      <c r="G86" s="1" t="s">
        <v>6</v>
      </c>
    </row>
    <row r="87" spans="2:7" x14ac:dyDescent="0.35">
      <c r="B87" s="16">
        <v>44501</v>
      </c>
      <c r="C87" s="15">
        <v>44501.71497685185</v>
      </c>
      <c r="D87" s="1">
        <v>658</v>
      </c>
      <c r="E87" s="1">
        <v>13.1</v>
      </c>
      <c r="F87" s="1">
        <v>8619.7999999999993</v>
      </c>
      <c r="G87" s="1" t="s">
        <v>6</v>
      </c>
    </row>
    <row r="88" spans="2:7" x14ac:dyDescent="0.35">
      <c r="B88" s="16">
        <v>44501</v>
      </c>
      <c r="C88" s="15">
        <v>44501.71497685185</v>
      </c>
      <c r="D88" s="1">
        <v>53</v>
      </c>
      <c r="E88" s="1">
        <v>13.1</v>
      </c>
      <c r="F88" s="1">
        <v>694.3</v>
      </c>
      <c r="G88" s="1" t="s">
        <v>6</v>
      </c>
    </row>
    <row r="89" spans="2:7" x14ac:dyDescent="0.35">
      <c r="B89" s="16">
        <v>44501</v>
      </c>
      <c r="C89" s="15">
        <v>44501.71497685185</v>
      </c>
      <c r="D89" s="1">
        <v>253</v>
      </c>
      <c r="E89" s="1">
        <v>13.1</v>
      </c>
      <c r="F89" s="1">
        <v>3314.2999999999997</v>
      </c>
      <c r="G89" s="1" t="s">
        <v>6</v>
      </c>
    </row>
    <row r="90" spans="2:7" x14ac:dyDescent="0.35">
      <c r="B90" s="16">
        <v>44501</v>
      </c>
      <c r="C90" s="15">
        <v>44501.721898148149</v>
      </c>
      <c r="D90" s="1">
        <v>93</v>
      </c>
      <c r="E90" s="1">
        <v>13.06</v>
      </c>
      <c r="F90" s="1">
        <v>1214.5800000000002</v>
      </c>
      <c r="G90" s="1" t="s">
        <v>6</v>
      </c>
    </row>
    <row r="91" spans="2:7" x14ac:dyDescent="0.35">
      <c r="B91" s="16">
        <v>44501</v>
      </c>
      <c r="C91" s="15">
        <v>44501.721932870372</v>
      </c>
      <c r="D91" s="1">
        <v>14</v>
      </c>
      <c r="E91" s="1">
        <v>13.06</v>
      </c>
      <c r="F91" s="1">
        <v>182.84</v>
      </c>
      <c r="G91" s="1" t="s">
        <v>6</v>
      </c>
    </row>
    <row r="92" spans="2:7" x14ac:dyDescent="0.35">
      <c r="B92" s="16">
        <v>44501</v>
      </c>
      <c r="C92" s="15">
        <v>44501.722939814812</v>
      </c>
      <c r="D92" s="1">
        <v>1</v>
      </c>
      <c r="E92" s="1">
        <v>13.06</v>
      </c>
      <c r="F92" s="1">
        <v>13.06</v>
      </c>
      <c r="G92" s="1" t="s">
        <v>6</v>
      </c>
    </row>
    <row r="93" spans="2:7" x14ac:dyDescent="0.35">
      <c r="B93" s="16">
        <v>44501</v>
      </c>
      <c r="C93" s="15">
        <v>44501.723564814813</v>
      </c>
      <c r="D93" s="1">
        <v>93</v>
      </c>
      <c r="E93" s="1">
        <v>13.06</v>
      </c>
      <c r="F93" s="1">
        <v>1214.5800000000002</v>
      </c>
      <c r="G93" s="1" t="s">
        <v>6</v>
      </c>
    </row>
    <row r="94" spans="2:7" x14ac:dyDescent="0.35">
      <c r="B94" s="16">
        <v>44501</v>
      </c>
      <c r="C94" s="15">
        <v>44501.723564814813</v>
      </c>
      <c r="D94" s="1">
        <v>19</v>
      </c>
      <c r="E94" s="1">
        <v>13.06</v>
      </c>
      <c r="F94" s="1">
        <v>248.14000000000001</v>
      </c>
      <c r="G94" s="1" t="s">
        <v>6</v>
      </c>
    </row>
    <row r="95" spans="2:7" x14ac:dyDescent="0.35">
      <c r="B95" s="16">
        <v>44501</v>
      </c>
      <c r="C95" s="15">
        <v>44501.723668981482</v>
      </c>
      <c r="D95" s="1">
        <v>1</v>
      </c>
      <c r="E95" s="1">
        <v>13.06</v>
      </c>
      <c r="F95" s="1">
        <v>13.06</v>
      </c>
      <c r="G95" s="1" t="s">
        <v>6</v>
      </c>
    </row>
    <row r="96" spans="2:7" x14ac:dyDescent="0.35">
      <c r="B96" s="16">
        <v>44501</v>
      </c>
      <c r="C96" s="15">
        <v>44501.724722222221</v>
      </c>
      <c r="D96" s="1">
        <v>92</v>
      </c>
      <c r="E96" s="1">
        <v>13.06</v>
      </c>
      <c r="F96" s="1">
        <v>1201.52</v>
      </c>
      <c r="G96" s="1" t="s">
        <v>6</v>
      </c>
    </row>
    <row r="97" spans="2:7" x14ac:dyDescent="0.35">
      <c r="B97" s="16">
        <v>44502</v>
      </c>
      <c r="C97" s="15">
        <v>44502.378472222219</v>
      </c>
      <c r="D97" s="1">
        <v>77</v>
      </c>
      <c r="E97" s="1">
        <v>13</v>
      </c>
      <c r="F97" s="1">
        <v>1001</v>
      </c>
      <c r="G97" s="1" t="s">
        <v>6</v>
      </c>
    </row>
    <row r="98" spans="2:7" x14ac:dyDescent="0.35">
      <c r="B98" s="16">
        <v>44502</v>
      </c>
      <c r="C98" s="15">
        <v>44502.386446759258</v>
      </c>
      <c r="D98" s="1">
        <v>201</v>
      </c>
      <c r="E98" s="1">
        <v>13</v>
      </c>
      <c r="F98" s="1">
        <v>2613</v>
      </c>
      <c r="G98" s="1" t="s">
        <v>6</v>
      </c>
    </row>
    <row r="99" spans="2:7" x14ac:dyDescent="0.35">
      <c r="B99" s="16">
        <v>44502</v>
      </c>
      <c r="C99" s="15">
        <v>44502.386446759258</v>
      </c>
      <c r="D99" s="1">
        <v>97</v>
      </c>
      <c r="E99" s="1">
        <v>13</v>
      </c>
      <c r="F99" s="1">
        <v>1261</v>
      </c>
      <c r="G99" s="1" t="s">
        <v>6</v>
      </c>
    </row>
    <row r="100" spans="2:7" x14ac:dyDescent="0.35">
      <c r="B100" s="16">
        <v>44502</v>
      </c>
      <c r="C100" s="15">
        <v>44502.389224537037</v>
      </c>
      <c r="D100" s="1">
        <v>201</v>
      </c>
      <c r="E100" s="1">
        <v>13</v>
      </c>
      <c r="F100" s="1">
        <v>2613</v>
      </c>
      <c r="G100" s="1" t="s">
        <v>6</v>
      </c>
    </row>
    <row r="101" spans="2:7" x14ac:dyDescent="0.35">
      <c r="B101" s="16">
        <v>44502</v>
      </c>
      <c r="C101" s="15">
        <v>44502.389224537037</v>
      </c>
      <c r="D101" s="1">
        <v>122</v>
      </c>
      <c r="E101" s="1">
        <v>13</v>
      </c>
      <c r="F101" s="1">
        <v>1586</v>
      </c>
      <c r="G101" s="1" t="s">
        <v>6</v>
      </c>
    </row>
    <row r="102" spans="2:7" x14ac:dyDescent="0.35">
      <c r="B102" s="16">
        <v>44502</v>
      </c>
      <c r="C102" s="15">
        <v>44502.389224537037</v>
      </c>
      <c r="D102" s="1">
        <v>164</v>
      </c>
      <c r="E102" s="1">
        <v>12.98</v>
      </c>
      <c r="F102" s="1">
        <v>2128.7200000000003</v>
      </c>
      <c r="G102" s="1" t="s">
        <v>6</v>
      </c>
    </row>
    <row r="103" spans="2:7" x14ac:dyDescent="0.35">
      <c r="B103" s="16">
        <v>44502</v>
      </c>
      <c r="C103" s="15">
        <v>44502.389224537037</v>
      </c>
      <c r="D103" s="1">
        <v>32</v>
      </c>
      <c r="E103" s="1">
        <v>12.98</v>
      </c>
      <c r="F103" s="1">
        <v>415.36</v>
      </c>
      <c r="G103" s="1" t="s">
        <v>6</v>
      </c>
    </row>
    <row r="104" spans="2:7" x14ac:dyDescent="0.35">
      <c r="B104" s="16">
        <v>44502</v>
      </c>
      <c r="C104" s="15">
        <v>44502.389224537037</v>
      </c>
      <c r="D104" s="1">
        <v>111</v>
      </c>
      <c r="E104" s="1">
        <v>12.98</v>
      </c>
      <c r="F104" s="1">
        <v>1440.78</v>
      </c>
      <c r="G104" s="1" t="s">
        <v>6</v>
      </c>
    </row>
    <row r="105" spans="2:7" x14ac:dyDescent="0.35">
      <c r="B105" s="16">
        <v>44502</v>
      </c>
      <c r="C105" s="15">
        <v>44502.389224537037</v>
      </c>
      <c r="D105" s="1">
        <v>281</v>
      </c>
      <c r="E105" s="1">
        <v>12.98</v>
      </c>
      <c r="F105" s="1">
        <v>3647.38</v>
      </c>
      <c r="G105" s="1" t="s">
        <v>6</v>
      </c>
    </row>
    <row r="106" spans="2:7" x14ac:dyDescent="0.35">
      <c r="B106" s="16">
        <v>44502</v>
      </c>
      <c r="C106" s="15">
        <v>44502.389224537037</v>
      </c>
      <c r="D106" s="1">
        <v>269</v>
      </c>
      <c r="E106" s="1">
        <v>12.98</v>
      </c>
      <c r="F106" s="1">
        <v>3491.62</v>
      </c>
      <c r="G106" s="1" t="s">
        <v>6</v>
      </c>
    </row>
    <row r="107" spans="2:7" x14ac:dyDescent="0.35">
      <c r="B107" s="16">
        <v>44502</v>
      </c>
      <c r="C107" s="15">
        <v>44502.40828703704</v>
      </c>
      <c r="D107" s="1">
        <v>65</v>
      </c>
      <c r="E107" s="1">
        <v>13</v>
      </c>
      <c r="F107" s="1">
        <v>845</v>
      </c>
      <c r="G107" s="1" t="s">
        <v>6</v>
      </c>
    </row>
    <row r="108" spans="2:7" x14ac:dyDescent="0.35">
      <c r="B108" s="16">
        <v>44502</v>
      </c>
      <c r="C108" s="15">
        <v>44502.40828703704</v>
      </c>
      <c r="D108" s="1">
        <v>250</v>
      </c>
      <c r="E108" s="1">
        <v>13</v>
      </c>
      <c r="F108" s="1">
        <v>3250</v>
      </c>
      <c r="G108" s="1" t="s">
        <v>6</v>
      </c>
    </row>
    <row r="109" spans="2:7" x14ac:dyDescent="0.35">
      <c r="B109" s="16">
        <v>44502</v>
      </c>
      <c r="C109" s="15">
        <v>44502.40828703704</v>
      </c>
      <c r="D109" s="1">
        <v>3</v>
      </c>
      <c r="E109" s="1">
        <v>13</v>
      </c>
      <c r="F109" s="1">
        <v>39</v>
      </c>
      <c r="G109" s="1" t="s">
        <v>6</v>
      </c>
    </row>
    <row r="110" spans="2:7" x14ac:dyDescent="0.35">
      <c r="B110" s="16">
        <v>44502</v>
      </c>
      <c r="C110" s="15">
        <v>44502.409525462965</v>
      </c>
      <c r="D110" s="1">
        <v>363</v>
      </c>
      <c r="E110" s="1">
        <v>12.98</v>
      </c>
      <c r="F110" s="1">
        <v>4711.74</v>
      </c>
      <c r="G110" s="1" t="s">
        <v>6</v>
      </c>
    </row>
    <row r="111" spans="2:7" x14ac:dyDescent="0.35">
      <c r="B111" s="16">
        <v>44502</v>
      </c>
      <c r="C111" s="15">
        <v>44502.409525462965</v>
      </c>
      <c r="D111" s="1">
        <v>109</v>
      </c>
      <c r="E111" s="1">
        <v>12.98</v>
      </c>
      <c r="F111" s="1">
        <v>1414.82</v>
      </c>
      <c r="G111" s="1" t="s">
        <v>6</v>
      </c>
    </row>
    <row r="112" spans="2:7" x14ac:dyDescent="0.35">
      <c r="B112" s="16">
        <v>44502</v>
      </c>
      <c r="C112" s="15">
        <v>44502.409525462965</v>
      </c>
      <c r="D112" s="1">
        <v>135</v>
      </c>
      <c r="E112" s="1">
        <v>12.98</v>
      </c>
      <c r="F112" s="1">
        <v>1752.3</v>
      </c>
      <c r="G112" s="1" t="s">
        <v>6</v>
      </c>
    </row>
    <row r="113" spans="2:7" x14ac:dyDescent="0.35">
      <c r="B113" s="16">
        <v>44502</v>
      </c>
      <c r="C113" s="15">
        <v>44502.409525462965</v>
      </c>
      <c r="D113" s="1">
        <v>228</v>
      </c>
      <c r="E113" s="1">
        <v>12.98</v>
      </c>
      <c r="F113" s="1">
        <v>2959.44</v>
      </c>
      <c r="G113" s="1" t="s">
        <v>6</v>
      </c>
    </row>
    <row r="114" spans="2:7" x14ac:dyDescent="0.35">
      <c r="B114" s="16">
        <v>44502</v>
      </c>
      <c r="C114" s="15">
        <v>44502.409525462965</v>
      </c>
      <c r="D114" s="1">
        <v>21</v>
      </c>
      <c r="E114" s="1">
        <v>12.98</v>
      </c>
      <c r="F114" s="1">
        <v>272.58</v>
      </c>
      <c r="G114" s="1" t="s">
        <v>6</v>
      </c>
    </row>
    <row r="115" spans="2:7" x14ac:dyDescent="0.35">
      <c r="B115" s="16">
        <v>44502</v>
      </c>
      <c r="C115" s="15">
        <v>44502.417534722219</v>
      </c>
      <c r="D115" s="1">
        <v>301</v>
      </c>
      <c r="E115" s="1">
        <v>12.88</v>
      </c>
      <c r="F115" s="1">
        <v>3876.88</v>
      </c>
      <c r="G115" s="1" t="s">
        <v>6</v>
      </c>
    </row>
    <row r="116" spans="2:7" x14ac:dyDescent="0.35">
      <c r="B116" s="16">
        <v>44502</v>
      </c>
      <c r="C116" s="15">
        <v>44502.421527777777</v>
      </c>
      <c r="D116" s="1">
        <v>297</v>
      </c>
      <c r="E116" s="1">
        <v>12.78</v>
      </c>
      <c r="F116" s="1">
        <v>3795.66</v>
      </c>
      <c r="G116" s="1" t="s">
        <v>6</v>
      </c>
    </row>
    <row r="117" spans="2:7" x14ac:dyDescent="0.35">
      <c r="B117" s="16">
        <v>44502</v>
      </c>
      <c r="C117" s="15">
        <v>44502.442361111112</v>
      </c>
      <c r="D117" s="1">
        <v>323</v>
      </c>
      <c r="E117" s="1">
        <v>12.84</v>
      </c>
      <c r="F117" s="1">
        <v>4147.32</v>
      </c>
      <c r="G117" s="1" t="s">
        <v>6</v>
      </c>
    </row>
    <row r="118" spans="2:7" x14ac:dyDescent="0.35">
      <c r="B118" s="16">
        <v>44502</v>
      </c>
      <c r="C118" s="15">
        <v>44502.4453125</v>
      </c>
      <c r="D118" s="1">
        <v>164</v>
      </c>
      <c r="E118" s="1">
        <v>12.8</v>
      </c>
      <c r="F118" s="1">
        <v>2099.2000000000003</v>
      </c>
      <c r="G118" s="1" t="s">
        <v>6</v>
      </c>
    </row>
    <row r="119" spans="2:7" x14ac:dyDescent="0.35">
      <c r="B119" s="16">
        <v>44502</v>
      </c>
      <c r="C119" s="15">
        <v>44502.447222222225</v>
      </c>
      <c r="D119" s="1">
        <v>313</v>
      </c>
      <c r="E119" s="1">
        <v>12.8</v>
      </c>
      <c r="F119" s="1">
        <v>4006.4</v>
      </c>
      <c r="G119" s="1" t="s">
        <v>6</v>
      </c>
    </row>
    <row r="120" spans="2:7" x14ac:dyDescent="0.35">
      <c r="B120" s="16">
        <v>44502</v>
      </c>
      <c r="C120" s="15">
        <v>44502.447222222225</v>
      </c>
      <c r="D120" s="1">
        <v>149</v>
      </c>
      <c r="E120" s="1">
        <v>12.8</v>
      </c>
      <c r="F120" s="1">
        <v>1907.2</v>
      </c>
      <c r="G120" s="1" t="s">
        <v>6</v>
      </c>
    </row>
    <row r="121" spans="2:7" x14ac:dyDescent="0.35">
      <c r="B121" s="16">
        <v>44502</v>
      </c>
      <c r="C121" s="15">
        <v>44502.447222222225</v>
      </c>
      <c r="D121" s="1">
        <v>280</v>
      </c>
      <c r="E121" s="1">
        <v>12.8</v>
      </c>
      <c r="F121" s="1">
        <v>3584</v>
      </c>
      <c r="G121" s="1" t="s">
        <v>6</v>
      </c>
    </row>
    <row r="122" spans="2:7" x14ac:dyDescent="0.35">
      <c r="B122" s="16">
        <v>44502</v>
      </c>
      <c r="C122" s="15">
        <v>44502.454733796294</v>
      </c>
      <c r="D122" s="1">
        <v>317</v>
      </c>
      <c r="E122" s="1">
        <v>12.8</v>
      </c>
      <c r="F122" s="1">
        <v>4057.6000000000004</v>
      </c>
      <c r="G122" s="1" t="s">
        <v>6</v>
      </c>
    </row>
    <row r="123" spans="2:7" x14ac:dyDescent="0.35">
      <c r="B123" s="16">
        <v>44502</v>
      </c>
      <c r="C123" s="15">
        <v>44502.479016203702</v>
      </c>
      <c r="D123" s="1">
        <v>19</v>
      </c>
      <c r="E123" s="1">
        <v>12.82</v>
      </c>
      <c r="F123" s="1">
        <v>243.58</v>
      </c>
      <c r="G123" s="1" t="s">
        <v>6</v>
      </c>
    </row>
    <row r="124" spans="2:7" x14ac:dyDescent="0.35">
      <c r="B124" s="16">
        <v>44502</v>
      </c>
      <c r="C124" s="15">
        <v>44502.479016203702</v>
      </c>
      <c r="D124" s="1">
        <v>187</v>
      </c>
      <c r="E124" s="1">
        <v>12.82</v>
      </c>
      <c r="F124" s="1">
        <v>2397.34</v>
      </c>
      <c r="G124" s="1" t="s">
        <v>6</v>
      </c>
    </row>
    <row r="125" spans="2:7" x14ac:dyDescent="0.35">
      <c r="B125" s="16">
        <v>44502</v>
      </c>
      <c r="C125" s="15">
        <v>44502.479016203702</v>
      </c>
      <c r="D125" s="1">
        <v>102</v>
      </c>
      <c r="E125" s="1">
        <v>12.82</v>
      </c>
      <c r="F125" s="1">
        <v>1307.6400000000001</v>
      </c>
      <c r="G125" s="1" t="s">
        <v>6</v>
      </c>
    </row>
    <row r="126" spans="2:7" x14ac:dyDescent="0.35">
      <c r="B126" s="16">
        <v>44502</v>
      </c>
      <c r="C126" s="15">
        <v>44502.48296296296</v>
      </c>
      <c r="D126" s="1">
        <v>830</v>
      </c>
      <c r="E126" s="1">
        <v>12.8</v>
      </c>
      <c r="F126" s="1">
        <v>10624</v>
      </c>
      <c r="G126" s="1" t="s">
        <v>6</v>
      </c>
    </row>
    <row r="127" spans="2:7" x14ac:dyDescent="0.35">
      <c r="B127" s="16">
        <v>44502</v>
      </c>
      <c r="C127" s="15">
        <v>44502.508553240739</v>
      </c>
      <c r="D127" s="1">
        <v>250</v>
      </c>
      <c r="E127" s="1">
        <v>12.8</v>
      </c>
      <c r="F127" s="1">
        <v>3200</v>
      </c>
      <c r="G127" s="1" t="s">
        <v>6</v>
      </c>
    </row>
    <row r="128" spans="2:7" x14ac:dyDescent="0.35">
      <c r="B128" s="16">
        <v>44502</v>
      </c>
      <c r="C128" s="15">
        <v>44502.508553240739</v>
      </c>
      <c r="D128" s="1">
        <v>48</v>
      </c>
      <c r="E128" s="1">
        <v>12.8</v>
      </c>
      <c r="F128" s="1">
        <v>614.40000000000009</v>
      </c>
      <c r="G128" s="1" t="s">
        <v>6</v>
      </c>
    </row>
    <row r="129" spans="2:7" x14ac:dyDescent="0.35">
      <c r="B129" s="16">
        <v>44502</v>
      </c>
      <c r="C129" s="15">
        <v>44502.516597222224</v>
      </c>
      <c r="D129" s="1">
        <v>321</v>
      </c>
      <c r="E129" s="1">
        <v>12.8</v>
      </c>
      <c r="F129" s="1">
        <v>4108.8</v>
      </c>
      <c r="G129" s="1" t="s">
        <v>6</v>
      </c>
    </row>
    <row r="130" spans="2:7" x14ac:dyDescent="0.35">
      <c r="B130" s="16">
        <v>44502</v>
      </c>
      <c r="C130" s="15">
        <v>44502.517233796294</v>
      </c>
      <c r="D130" s="1">
        <v>602</v>
      </c>
      <c r="E130" s="1">
        <v>12.76</v>
      </c>
      <c r="F130" s="1">
        <v>7681.5199999999995</v>
      </c>
      <c r="G130" s="1" t="s">
        <v>6</v>
      </c>
    </row>
    <row r="131" spans="2:7" x14ac:dyDescent="0.35">
      <c r="B131" s="16">
        <v>44502</v>
      </c>
      <c r="C131" s="15">
        <v>44502.517233796294</v>
      </c>
      <c r="D131" s="1">
        <v>303</v>
      </c>
      <c r="E131" s="1">
        <v>12.76</v>
      </c>
      <c r="F131" s="1">
        <v>3866.2799999999997</v>
      </c>
      <c r="G131" s="1" t="s">
        <v>6</v>
      </c>
    </row>
    <row r="132" spans="2:7" x14ac:dyDescent="0.35">
      <c r="B132" s="16">
        <v>44502</v>
      </c>
      <c r="C132" s="15">
        <v>44502.551863425928</v>
      </c>
      <c r="D132" s="1">
        <v>303</v>
      </c>
      <c r="E132" s="1">
        <v>12.76</v>
      </c>
      <c r="F132" s="1">
        <v>3866.2799999999997</v>
      </c>
      <c r="G132" s="1" t="s">
        <v>6</v>
      </c>
    </row>
    <row r="133" spans="2:7" x14ac:dyDescent="0.35">
      <c r="B133" s="16">
        <v>44502</v>
      </c>
      <c r="C133" s="15">
        <v>44502.560879629629</v>
      </c>
      <c r="D133" s="1">
        <v>125</v>
      </c>
      <c r="E133" s="1">
        <v>12.76</v>
      </c>
      <c r="F133" s="1">
        <v>1595</v>
      </c>
      <c r="G133" s="1" t="s">
        <v>6</v>
      </c>
    </row>
    <row r="134" spans="2:7" x14ac:dyDescent="0.35">
      <c r="B134" s="16">
        <v>44502</v>
      </c>
      <c r="C134" s="15">
        <v>44502.560879629629</v>
      </c>
      <c r="D134" s="1">
        <v>160</v>
      </c>
      <c r="E134" s="1">
        <v>12.76</v>
      </c>
      <c r="F134" s="1">
        <v>2041.6</v>
      </c>
      <c r="G134" s="1" t="s">
        <v>6</v>
      </c>
    </row>
    <row r="135" spans="2:7" x14ac:dyDescent="0.35">
      <c r="B135" s="16">
        <v>44502</v>
      </c>
      <c r="C135" s="15">
        <v>44502.56925925926</v>
      </c>
      <c r="D135" s="1">
        <v>90</v>
      </c>
      <c r="E135" s="1">
        <v>12.76</v>
      </c>
      <c r="F135" s="1">
        <v>1148.4000000000001</v>
      </c>
      <c r="G135" s="1" t="s">
        <v>6</v>
      </c>
    </row>
    <row r="136" spans="2:7" x14ac:dyDescent="0.35">
      <c r="B136" s="16">
        <v>44502</v>
      </c>
      <c r="C136" s="15">
        <v>44502.56925925926</v>
      </c>
      <c r="D136" s="1">
        <v>207</v>
      </c>
      <c r="E136" s="1">
        <v>12.76</v>
      </c>
      <c r="F136" s="1">
        <v>2641.32</v>
      </c>
      <c r="G136" s="1" t="s">
        <v>6</v>
      </c>
    </row>
    <row r="137" spans="2:7" x14ac:dyDescent="0.35">
      <c r="B137" s="16">
        <v>44502</v>
      </c>
      <c r="C137" s="15">
        <v>44502.576041666667</v>
      </c>
      <c r="D137" s="1">
        <v>72</v>
      </c>
      <c r="E137" s="1">
        <v>12.72</v>
      </c>
      <c r="F137" s="1">
        <v>915.84</v>
      </c>
      <c r="G137" s="1" t="s">
        <v>6</v>
      </c>
    </row>
    <row r="138" spans="2:7" x14ac:dyDescent="0.35">
      <c r="B138" s="16">
        <v>44502</v>
      </c>
      <c r="C138" s="15">
        <v>44502.580636574072</v>
      </c>
      <c r="D138" s="1">
        <v>41</v>
      </c>
      <c r="E138" s="1">
        <v>12.74</v>
      </c>
      <c r="F138" s="1">
        <v>522.34</v>
      </c>
      <c r="G138" s="1" t="s">
        <v>6</v>
      </c>
    </row>
    <row r="139" spans="2:7" x14ac:dyDescent="0.35">
      <c r="B139" s="16">
        <v>44502</v>
      </c>
      <c r="C139" s="15">
        <v>44502.580636574072</v>
      </c>
      <c r="D139" s="1">
        <v>34</v>
      </c>
      <c r="E139" s="1">
        <v>12.74</v>
      </c>
      <c r="F139" s="1">
        <v>433.16</v>
      </c>
      <c r="G139" s="1" t="s">
        <v>6</v>
      </c>
    </row>
    <row r="140" spans="2:7" x14ac:dyDescent="0.35">
      <c r="B140" s="16">
        <v>44502</v>
      </c>
      <c r="C140" s="15">
        <v>44502.580636574072</v>
      </c>
      <c r="D140" s="1">
        <v>220</v>
      </c>
      <c r="E140" s="1">
        <v>12.74</v>
      </c>
      <c r="F140" s="1">
        <v>2802.8</v>
      </c>
      <c r="G140" s="1" t="s">
        <v>6</v>
      </c>
    </row>
    <row r="141" spans="2:7" x14ac:dyDescent="0.35">
      <c r="B141" s="16">
        <v>44502</v>
      </c>
      <c r="C141" s="15">
        <v>44502.583368055559</v>
      </c>
      <c r="D141" s="1">
        <v>596</v>
      </c>
      <c r="E141" s="1">
        <v>12.76</v>
      </c>
      <c r="F141" s="1">
        <v>7604.96</v>
      </c>
      <c r="G141" s="1" t="s">
        <v>6</v>
      </c>
    </row>
    <row r="142" spans="2:7" x14ac:dyDescent="0.35">
      <c r="B142" s="16">
        <v>44502</v>
      </c>
      <c r="C142" s="15">
        <v>44502.592314814814</v>
      </c>
      <c r="D142" s="1">
        <v>307</v>
      </c>
      <c r="E142" s="1">
        <v>12.78</v>
      </c>
      <c r="F142" s="1">
        <v>3923.4599999999996</v>
      </c>
      <c r="G142" s="1" t="s">
        <v>6</v>
      </c>
    </row>
    <row r="143" spans="2:7" x14ac:dyDescent="0.35">
      <c r="B143" s="16">
        <v>44502</v>
      </c>
      <c r="C143" s="15">
        <v>44502.602569444447</v>
      </c>
      <c r="D143" s="1">
        <v>274</v>
      </c>
      <c r="E143" s="1">
        <v>12.78</v>
      </c>
      <c r="F143" s="1">
        <v>3501.72</v>
      </c>
      <c r="G143" s="1" t="s">
        <v>6</v>
      </c>
    </row>
    <row r="144" spans="2:7" x14ac:dyDescent="0.35">
      <c r="B144" s="16">
        <v>44502</v>
      </c>
      <c r="C144" s="15">
        <v>44502.602569444447</v>
      </c>
      <c r="D144" s="1">
        <v>276</v>
      </c>
      <c r="E144" s="1">
        <v>12.78</v>
      </c>
      <c r="F144" s="1">
        <v>3527.2799999999997</v>
      </c>
      <c r="G144" s="1" t="s">
        <v>6</v>
      </c>
    </row>
    <row r="145" spans="2:7" x14ac:dyDescent="0.35">
      <c r="B145" s="16">
        <v>44502</v>
      </c>
      <c r="C145" s="15">
        <v>44502.610324074078</v>
      </c>
      <c r="D145" s="1">
        <v>322</v>
      </c>
      <c r="E145" s="1">
        <v>12.74</v>
      </c>
      <c r="F145" s="1">
        <v>4102.28</v>
      </c>
      <c r="G145" s="1" t="s">
        <v>6</v>
      </c>
    </row>
    <row r="146" spans="2:7" x14ac:dyDescent="0.35">
      <c r="B146" s="16">
        <v>44502</v>
      </c>
      <c r="C146" s="15">
        <v>44502.62636574074</v>
      </c>
      <c r="D146" s="1">
        <v>590</v>
      </c>
      <c r="E146" s="1">
        <v>12.76</v>
      </c>
      <c r="F146" s="1">
        <v>7528.4</v>
      </c>
      <c r="G146" s="1" t="s">
        <v>6</v>
      </c>
    </row>
    <row r="147" spans="2:7" x14ac:dyDescent="0.35">
      <c r="B147" s="16">
        <v>44502</v>
      </c>
      <c r="C147" s="15">
        <v>44502.641134259262</v>
      </c>
      <c r="D147" s="1">
        <v>182</v>
      </c>
      <c r="E147" s="1">
        <v>12.76</v>
      </c>
      <c r="F147" s="1">
        <v>2322.3200000000002</v>
      </c>
      <c r="G147" s="1" t="s">
        <v>6</v>
      </c>
    </row>
    <row r="148" spans="2:7" x14ac:dyDescent="0.35">
      <c r="B148" s="16">
        <v>44502</v>
      </c>
      <c r="C148" s="15">
        <v>44502.641134259262</v>
      </c>
      <c r="D148" s="1">
        <v>106</v>
      </c>
      <c r="E148" s="1">
        <v>12.76</v>
      </c>
      <c r="F148" s="1">
        <v>1352.56</v>
      </c>
      <c r="G148" s="1" t="s">
        <v>6</v>
      </c>
    </row>
    <row r="149" spans="2:7" x14ac:dyDescent="0.35">
      <c r="B149" s="16">
        <v>44502</v>
      </c>
      <c r="C149" s="15">
        <v>44502.645254629628</v>
      </c>
      <c r="D149" s="1">
        <v>295</v>
      </c>
      <c r="E149" s="1">
        <v>12.74</v>
      </c>
      <c r="F149" s="1">
        <v>3758.3</v>
      </c>
      <c r="G149" s="1" t="s">
        <v>6</v>
      </c>
    </row>
    <row r="150" spans="2:7" x14ac:dyDescent="0.35">
      <c r="B150" s="16">
        <v>44502</v>
      </c>
      <c r="C150" s="15">
        <v>44502.645254629628</v>
      </c>
      <c r="D150" s="1">
        <v>276</v>
      </c>
      <c r="E150" s="1">
        <v>12.74</v>
      </c>
      <c r="F150" s="1">
        <v>3516.2400000000002</v>
      </c>
      <c r="G150" s="1" t="s">
        <v>6</v>
      </c>
    </row>
    <row r="151" spans="2:7" x14ac:dyDescent="0.35">
      <c r="B151" s="16">
        <v>44502</v>
      </c>
      <c r="C151" s="15">
        <v>44502.645254629628</v>
      </c>
      <c r="D151" s="1">
        <v>288</v>
      </c>
      <c r="E151" s="1">
        <v>12.74</v>
      </c>
      <c r="F151" s="1">
        <v>3669.12</v>
      </c>
      <c r="G151" s="1" t="s">
        <v>6</v>
      </c>
    </row>
    <row r="152" spans="2:7" x14ac:dyDescent="0.35">
      <c r="B152" s="16">
        <v>44502</v>
      </c>
      <c r="C152" s="15">
        <v>44502.663124999999</v>
      </c>
      <c r="D152" s="1">
        <v>109</v>
      </c>
      <c r="E152" s="1">
        <v>12.68</v>
      </c>
      <c r="F152" s="1">
        <v>1382.12</v>
      </c>
      <c r="G152" s="1" t="s">
        <v>6</v>
      </c>
    </row>
    <row r="153" spans="2:7" x14ac:dyDescent="0.35">
      <c r="B153" s="16">
        <v>44502</v>
      </c>
      <c r="C153" s="15">
        <v>44502.663124999999</v>
      </c>
      <c r="D153" s="1">
        <v>283</v>
      </c>
      <c r="E153" s="1">
        <v>12.68</v>
      </c>
      <c r="F153" s="1">
        <v>3588.44</v>
      </c>
      <c r="G153" s="1" t="s">
        <v>6</v>
      </c>
    </row>
    <row r="154" spans="2:7" x14ac:dyDescent="0.35">
      <c r="B154" s="16">
        <v>44502</v>
      </c>
      <c r="C154" s="15">
        <v>44502.663124999999</v>
      </c>
      <c r="D154" s="1">
        <v>177</v>
      </c>
      <c r="E154" s="1">
        <v>12.68</v>
      </c>
      <c r="F154" s="1">
        <v>2244.36</v>
      </c>
      <c r="G154" s="1" t="s">
        <v>6</v>
      </c>
    </row>
    <row r="155" spans="2:7" x14ac:dyDescent="0.35">
      <c r="B155" s="16">
        <v>44502</v>
      </c>
      <c r="C155" s="15">
        <v>44502.663124999999</v>
      </c>
      <c r="D155" s="1">
        <v>284</v>
      </c>
      <c r="E155" s="1">
        <v>12.68</v>
      </c>
      <c r="F155" s="1">
        <v>3601.12</v>
      </c>
      <c r="G155" s="1" t="s">
        <v>6</v>
      </c>
    </row>
    <row r="156" spans="2:7" x14ac:dyDescent="0.35">
      <c r="B156" s="16">
        <v>44502</v>
      </c>
      <c r="C156" s="15">
        <v>44502.664548611108</v>
      </c>
      <c r="D156" s="1">
        <v>461</v>
      </c>
      <c r="E156" s="1">
        <v>12.64</v>
      </c>
      <c r="F156" s="1">
        <v>5827.04</v>
      </c>
      <c r="G156" s="1" t="s">
        <v>6</v>
      </c>
    </row>
    <row r="157" spans="2:7" x14ac:dyDescent="0.35">
      <c r="B157" s="16">
        <v>44502</v>
      </c>
      <c r="C157" s="15">
        <v>44502.666574074072</v>
      </c>
      <c r="D157" s="1">
        <v>39</v>
      </c>
      <c r="E157" s="1">
        <v>12.64</v>
      </c>
      <c r="F157" s="1">
        <v>492.96000000000004</v>
      </c>
      <c r="G157" s="1" t="s">
        <v>6</v>
      </c>
    </row>
    <row r="158" spans="2:7" x14ac:dyDescent="0.35">
      <c r="B158" s="16">
        <v>44502</v>
      </c>
      <c r="C158" s="15">
        <v>44502.666574074072</v>
      </c>
      <c r="D158" s="1">
        <v>2000</v>
      </c>
      <c r="E158" s="1">
        <v>12.64</v>
      </c>
      <c r="F158" s="1">
        <v>25280</v>
      </c>
      <c r="G158" s="1" t="s">
        <v>6</v>
      </c>
    </row>
    <row r="159" spans="2:7" x14ac:dyDescent="0.35">
      <c r="B159" s="16">
        <v>44502</v>
      </c>
      <c r="C159" s="15">
        <v>44502.666574074072</v>
      </c>
      <c r="D159" s="1">
        <v>317</v>
      </c>
      <c r="E159" s="1">
        <v>12.62</v>
      </c>
      <c r="F159" s="1">
        <v>4000.54</v>
      </c>
      <c r="G159" s="1" t="s">
        <v>6</v>
      </c>
    </row>
    <row r="160" spans="2:7" x14ac:dyDescent="0.35">
      <c r="B160" s="16">
        <v>44502</v>
      </c>
      <c r="C160" s="15">
        <v>44502.672465277778</v>
      </c>
      <c r="D160" s="1">
        <v>57</v>
      </c>
      <c r="E160" s="1">
        <v>12.56</v>
      </c>
      <c r="F160" s="1">
        <v>715.92000000000007</v>
      </c>
      <c r="G160" s="1" t="s">
        <v>6</v>
      </c>
    </row>
    <row r="161" spans="2:7" x14ac:dyDescent="0.35">
      <c r="B161" s="16">
        <v>44502</v>
      </c>
      <c r="C161" s="15">
        <v>44502.672465277778</v>
      </c>
      <c r="D161" s="1">
        <v>222</v>
      </c>
      <c r="E161" s="1">
        <v>12.56</v>
      </c>
      <c r="F161" s="1">
        <v>2788.32</v>
      </c>
      <c r="G161" s="1" t="s">
        <v>6</v>
      </c>
    </row>
    <row r="162" spans="2:7" x14ac:dyDescent="0.35">
      <c r="B162" s="16">
        <v>44502</v>
      </c>
      <c r="C162" s="15">
        <v>44502.6796875</v>
      </c>
      <c r="D162" s="1">
        <v>121</v>
      </c>
      <c r="E162" s="1">
        <v>12.52</v>
      </c>
      <c r="F162" s="1">
        <v>1514.9199999999998</v>
      </c>
      <c r="G162" s="1" t="s">
        <v>6</v>
      </c>
    </row>
    <row r="163" spans="2:7" x14ac:dyDescent="0.35">
      <c r="B163" s="16">
        <v>44502</v>
      </c>
      <c r="C163" s="15">
        <v>44502.693171296298</v>
      </c>
      <c r="D163" s="1">
        <v>250</v>
      </c>
      <c r="E163" s="1">
        <v>12.54</v>
      </c>
      <c r="F163" s="1">
        <v>3135</v>
      </c>
      <c r="G163" s="1" t="s">
        <v>6</v>
      </c>
    </row>
    <row r="164" spans="2:7" x14ac:dyDescent="0.35">
      <c r="B164" s="16">
        <v>44502</v>
      </c>
      <c r="C164" s="15">
        <v>44502.69321759259</v>
      </c>
      <c r="D164" s="1">
        <v>173</v>
      </c>
      <c r="E164" s="1">
        <v>12.52</v>
      </c>
      <c r="F164" s="1">
        <v>2165.96</v>
      </c>
      <c r="G164" s="1" t="s">
        <v>6</v>
      </c>
    </row>
    <row r="165" spans="2:7" x14ac:dyDescent="0.35">
      <c r="B165" s="16">
        <v>44502</v>
      </c>
      <c r="C165" s="15">
        <v>44502.69321759259</v>
      </c>
      <c r="D165" s="1">
        <v>305</v>
      </c>
      <c r="E165" s="1">
        <v>12.52</v>
      </c>
      <c r="F165" s="1">
        <v>3818.6</v>
      </c>
      <c r="G165" s="1" t="s">
        <v>6</v>
      </c>
    </row>
    <row r="166" spans="2:7" x14ac:dyDescent="0.35">
      <c r="B166" s="16">
        <v>44502</v>
      </c>
      <c r="C166" s="15">
        <v>44502.69321759259</v>
      </c>
      <c r="D166" s="1">
        <v>18</v>
      </c>
      <c r="E166" s="1">
        <v>12.52</v>
      </c>
      <c r="F166" s="1">
        <v>225.35999999999999</v>
      </c>
      <c r="G166" s="1" t="s">
        <v>6</v>
      </c>
    </row>
    <row r="167" spans="2:7" x14ac:dyDescent="0.35">
      <c r="B167" s="16">
        <v>44502</v>
      </c>
      <c r="C167" s="15">
        <v>44502.707604166666</v>
      </c>
      <c r="D167" s="1">
        <v>321</v>
      </c>
      <c r="E167" s="1">
        <v>12.54</v>
      </c>
      <c r="F167" s="1">
        <v>4025.3399999999997</v>
      </c>
      <c r="G167" s="1" t="s">
        <v>6</v>
      </c>
    </row>
    <row r="168" spans="2:7" x14ac:dyDescent="0.35">
      <c r="B168" s="16">
        <v>44502</v>
      </c>
      <c r="C168" s="15">
        <v>44502.711550925924</v>
      </c>
      <c r="D168" s="1">
        <v>204</v>
      </c>
      <c r="E168" s="1">
        <v>12.54</v>
      </c>
      <c r="F168" s="1">
        <v>2558.16</v>
      </c>
      <c r="G168" s="1" t="s">
        <v>6</v>
      </c>
    </row>
    <row r="169" spans="2:7" x14ac:dyDescent="0.35">
      <c r="B169" s="16">
        <v>44502</v>
      </c>
      <c r="C169" s="15">
        <v>44502.711550925924</v>
      </c>
      <c r="D169" s="1">
        <v>108</v>
      </c>
      <c r="E169" s="1">
        <v>12.54</v>
      </c>
      <c r="F169" s="1">
        <v>1354.32</v>
      </c>
      <c r="G169" s="1" t="s">
        <v>6</v>
      </c>
    </row>
    <row r="170" spans="2:7" x14ac:dyDescent="0.35">
      <c r="B170" s="16">
        <v>44502</v>
      </c>
      <c r="C170" s="15">
        <v>44502.711805555555</v>
      </c>
      <c r="D170" s="1">
        <v>33</v>
      </c>
      <c r="E170" s="1">
        <v>12.52</v>
      </c>
      <c r="F170" s="1">
        <v>413.15999999999997</v>
      </c>
      <c r="G170" s="1" t="s">
        <v>6</v>
      </c>
    </row>
    <row r="171" spans="2:7" x14ac:dyDescent="0.35">
      <c r="B171" s="16">
        <v>44502</v>
      </c>
      <c r="C171" s="15">
        <v>44502.711805555555</v>
      </c>
      <c r="D171" s="1">
        <v>249</v>
      </c>
      <c r="E171" s="1">
        <v>12.52</v>
      </c>
      <c r="F171" s="1">
        <v>3117.48</v>
      </c>
      <c r="G171" s="1" t="s">
        <v>6</v>
      </c>
    </row>
    <row r="172" spans="2:7" x14ac:dyDescent="0.35">
      <c r="B172" s="16">
        <v>44502</v>
      </c>
      <c r="C172" s="15">
        <v>44502.718090277776</v>
      </c>
      <c r="D172" s="1">
        <v>384</v>
      </c>
      <c r="E172" s="1">
        <v>12.52</v>
      </c>
      <c r="F172" s="1">
        <v>4807.68</v>
      </c>
      <c r="G172" s="1" t="s">
        <v>6</v>
      </c>
    </row>
    <row r="173" spans="2:7" x14ac:dyDescent="0.35">
      <c r="B173" s="16">
        <v>44502</v>
      </c>
      <c r="C173" s="15">
        <v>44502.718090277776</v>
      </c>
      <c r="D173" s="1">
        <v>250</v>
      </c>
      <c r="E173" s="1">
        <v>12.52</v>
      </c>
      <c r="F173" s="1">
        <v>3130</v>
      </c>
      <c r="G173" s="1" t="s">
        <v>6</v>
      </c>
    </row>
    <row r="174" spans="2:7" x14ac:dyDescent="0.35">
      <c r="B174" s="16">
        <v>44502</v>
      </c>
      <c r="C174" s="15">
        <v>44502.718090277776</v>
      </c>
      <c r="D174" s="1">
        <v>166</v>
      </c>
      <c r="E174" s="1">
        <v>12.52</v>
      </c>
      <c r="F174" s="1">
        <v>2078.3199999999997</v>
      </c>
      <c r="G174" s="1" t="s">
        <v>6</v>
      </c>
    </row>
    <row r="175" spans="2:7" x14ac:dyDescent="0.35">
      <c r="B175" s="16">
        <v>44502</v>
      </c>
      <c r="C175" s="15">
        <v>44502.718090277776</v>
      </c>
      <c r="D175" s="1">
        <v>171</v>
      </c>
      <c r="E175" s="1">
        <v>12.52</v>
      </c>
      <c r="F175" s="1">
        <v>2140.92</v>
      </c>
      <c r="G175" s="1" t="s">
        <v>6</v>
      </c>
    </row>
    <row r="176" spans="2:7" x14ac:dyDescent="0.35">
      <c r="B176" s="16">
        <v>44502</v>
      </c>
      <c r="C176" s="15">
        <v>44502.718090277776</v>
      </c>
      <c r="D176" s="1">
        <v>45</v>
      </c>
      <c r="E176" s="1">
        <v>12.52</v>
      </c>
      <c r="F176" s="1">
        <v>563.4</v>
      </c>
      <c r="G176" s="1" t="s">
        <v>6</v>
      </c>
    </row>
    <row r="177" spans="2:7" x14ac:dyDescent="0.35">
      <c r="B177" s="16">
        <v>44502</v>
      </c>
      <c r="C177" s="15">
        <v>44502.718090277776</v>
      </c>
      <c r="D177" s="1">
        <v>21</v>
      </c>
      <c r="E177" s="1">
        <v>12.52</v>
      </c>
      <c r="F177" s="1">
        <v>262.92</v>
      </c>
      <c r="G177" s="1" t="s">
        <v>6</v>
      </c>
    </row>
    <row r="178" spans="2:7" x14ac:dyDescent="0.35">
      <c r="B178" s="16">
        <v>44502</v>
      </c>
      <c r="C178" s="15">
        <v>44502.718090277776</v>
      </c>
      <c r="D178" s="1">
        <v>183</v>
      </c>
      <c r="E178" s="1">
        <v>12.52</v>
      </c>
      <c r="F178" s="1">
        <v>2291.16</v>
      </c>
      <c r="G178" s="1" t="s">
        <v>6</v>
      </c>
    </row>
    <row r="179" spans="2:7" x14ac:dyDescent="0.35">
      <c r="B179" s="16">
        <v>44502</v>
      </c>
      <c r="C179" s="15">
        <v>44502.718761574077</v>
      </c>
      <c r="D179" s="1">
        <v>780</v>
      </c>
      <c r="E179" s="1">
        <v>12.52</v>
      </c>
      <c r="F179" s="1">
        <v>9765.6</v>
      </c>
      <c r="G179" s="1" t="s">
        <v>6</v>
      </c>
    </row>
    <row r="180" spans="2:7" x14ac:dyDescent="0.35">
      <c r="B180" s="16">
        <v>44503</v>
      </c>
      <c r="C180" s="15">
        <v>44503.380173611113</v>
      </c>
      <c r="D180" s="1">
        <v>294</v>
      </c>
      <c r="E180" s="1">
        <v>12.6</v>
      </c>
      <c r="F180" s="1">
        <v>3704.4</v>
      </c>
      <c r="G180" s="1" t="s">
        <v>6</v>
      </c>
    </row>
    <row r="181" spans="2:7" x14ac:dyDescent="0.35">
      <c r="B181" s="16">
        <v>44503</v>
      </c>
      <c r="C181" s="15">
        <v>44503.380173611113</v>
      </c>
      <c r="D181" s="1">
        <v>210</v>
      </c>
      <c r="E181" s="1">
        <v>12.58</v>
      </c>
      <c r="F181" s="1">
        <v>2641.8</v>
      </c>
      <c r="G181" s="1" t="s">
        <v>6</v>
      </c>
    </row>
    <row r="182" spans="2:7" x14ac:dyDescent="0.35">
      <c r="B182" s="16">
        <v>44503</v>
      </c>
      <c r="C182" s="15">
        <v>44503.380173611113</v>
      </c>
      <c r="D182" s="1">
        <v>90</v>
      </c>
      <c r="E182" s="1">
        <v>12.58</v>
      </c>
      <c r="F182" s="1">
        <v>1132.2</v>
      </c>
      <c r="G182" s="1" t="s">
        <v>6</v>
      </c>
    </row>
    <row r="183" spans="2:7" x14ac:dyDescent="0.35">
      <c r="B183" s="16">
        <v>44503</v>
      </c>
      <c r="C183" s="15">
        <v>44503.395150462966</v>
      </c>
      <c r="D183" s="1">
        <v>129</v>
      </c>
      <c r="E183" s="1">
        <v>12.6</v>
      </c>
      <c r="F183" s="1">
        <v>1625.3999999999999</v>
      </c>
      <c r="G183" s="1" t="s">
        <v>6</v>
      </c>
    </row>
    <row r="184" spans="2:7" x14ac:dyDescent="0.35">
      <c r="B184" s="16">
        <v>44503</v>
      </c>
      <c r="C184" s="15">
        <v>44503.395150462966</v>
      </c>
      <c r="D184" s="1">
        <v>158</v>
      </c>
      <c r="E184" s="1">
        <v>12.6</v>
      </c>
      <c r="F184" s="1">
        <v>1990.8</v>
      </c>
      <c r="G184" s="1" t="s">
        <v>6</v>
      </c>
    </row>
    <row r="185" spans="2:7" x14ac:dyDescent="0.35">
      <c r="B185" s="16">
        <v>44503</v>
      </c>
      <c r="C185" s="15">
        <v>44503.397418981483</v>
      </c>
      <c r="D185" s="1">
        <v>320</v>
      </c>
      <c r="E185" s="1">
        <v>12.58</v>
      </c>
      <c r="F185" s="1">
        <v>4025.6</v>
      </c>
      <c r="G185" s="1" t="s">
        <v>6</v>
      </c>
    </row>
    <row r="186" spans="2:7" x14ac:dyDescent="0.35">
      <c r="B186" s="16">
        <v>44503</v>
      </c>
      <c r="C186" s="15">
        <v>44503.397418981483</v>
      </c>
      <c r="D186" s="1">
        <v>295</v>
      </c>
      <c r="E186" s="1">
        <v>12.58</v>
      </c>
      <c r="F186" s="1">
        <v>3711.1</v>
      </c>
      <c r="G186" s="1" t="s">
        <v>6</v>
      </c>
    </row>
    <row r="187" spans="2:7" x14ac:dyDescent="0.35">
      <c r="B187" s="16">
        <v>44503</v>
      </c>
      <c r="C187" s="15">
        <v>44503.397418981483</v>
      </c>
      <c r="D187" s="1">
        <v>337</v>
      </c>
      <c r="E187" s="1">
        <v>12.58</v>
      </c>
      <c r="F187" s="1">
        <v>4239.46</v>
      </c>
      <c r="G187" s="1" t="s">
        <v>6</v>
      </c>
    </row>
    <row r="188" spans="2:7" x14ac:dyDescent="0.35">
      <c r="B188" s="16">
        <v>44503</v>
      </c>
      <c r="C188" s="15">
        <v>44503.416724537034</v>
      </c>
      <c r="D188" s="1">
        <v>71</v>
      </c>
      <c r="E188" s="1">
        <v>12.58</v>
      </c>
      <c r="F188" s="1">
        <v>893.18</v>
      </c>
      <c r="G188" s="1" t="s">
        <v>6</v>
      </c>
    </row>
    <row r="189" spans="2:7" x14ac:dyDescent="0.35">
      <c r="B189" s="16">
        <v>44503</v>
      </c>
      <c r="C189" s="15">
        <v>44503.416724537034</v>
      </c>
      <c r="D189" s="1">
        <v>46</v>
      </c>
      <c r="E189" s="1">
        <v>12.58</v>
      </c>
      <c r="F189" s="1">
        <v>578.67999999999995</v>
      </c>
      <c r="G189" s="1" t="s">
        <v>6</v>
      </c>
    </row>
    <row r="190" spans="2:7" x14ac:dyDescent="0.35">
      <c r="B190" s="16">
        <v>44503</v>
      </c>
      <c r="C190" s="15">
        <v>44503.416724537034</v>
      </c>
      <c r="D190" s="1">
        <v>177</v>
      </c>
      <c r="E190" s="1">
        <v>12.58</v>
      </c>
      <c r="F190" s="1">
        <v>2226.66</v>
      </c>
      <c r="G190" s="1" t="s">
        <v>6</v>
      </c>
    </row>
    <row r="191" spans="2:7" x14ac:dyDescent="0.35">
      <c r="B191" s="16">
        <v>44503</v>
      </c>
      <c r="C191" s="15">
        <v>44503.420347222222</v>
      </c>
      <c r="D191" s="1">
        <v>283</v>
      </c>
      <c r="E191" s="1">
        <v>12.56</v>
      </c>
      <c r="F191" s="1">
        <v>3554.48</v>
      </c>
      <c r="G191" s="1" t="s">
        <v>6</v>
      </c>
    </row>
    <row r="192" spans="2:7" x14ac:dyDescent="0.35">
      <c r="B192" s="16">
        <v>44503</v>
      </c>
      <c r="C192" s="15">
        <v>44503.420347222222</v>
      </c>
      <c r="D192" s="1">
        <v>26</v>
      </c>
      <c r="E192" s="1">
        <v>12.56</v>
      </c>
      <c r="F192" s="1">
        <v>326.56</v>
      </c>
      <c r="G192" s="1" t="s">
        <v>6</v>
      </c>
    </row>
    <row r="193" spans="2:7" x14ac:dyDescent="0.35">
      <c r="B193" s="16">
        <v>44503</v>
      </c>
      <c r="C193" s="15">
        <v>44503.420347222222</v>
      </c>
      <c r="D193" s="1">
        <v>276</v>
      </c>
      <c r="E193" s="1">
        <v>12.56</v>
      </c>
      <c r="F193" s="1">
        <v>3466.56</v>
      </c>
      <c r="G193" s="1" t="s">
        <v>6</v>
      </c>
    </row>
    <row r="194" spans="2:7" x14ac:dyDescent="0.35">
      <c r="B194" s="16">
        <v>44503</v>
      </c>
      <c r="C194" s="15">
        <v>44503.420347222222</v>
      </c>
      <c r="D194" s="1">
        <v>264</v>
      </c>
      <c r="E194" s="1">
        <v>12.56</v>
      </c>
      <c r="F194" s="1">
        <v>3315.84</v>
      </c>
      <c r="G194" s="1" t="s">
        <v>6</v>
      </c>
    </row>
    <row r="195" spans="2:7" x14ac:dyDescent="0.35">
      <c r="B195" s="16">
        <v>44503</v>
      </c>
      <c r="C195" s="15">
        <v>44503.445069444446</v>
      </c>
      <c r="D195" s="1">
        <v>276</v>
      </c>
      <c r="E195" s="1">
        <v>12.58</v>
      </c>
      <c r="F195" s="1">
        <v>3472.08</v>
      </c>
      <c r="G195" s="1" t="s">
        <v>6</v>
      </c>
    </row>
    <row r="196" spans="2:7" x14ac:dyDescent="0.35">
      <c r="B196" s="16">
        <v>44503</v>
      </c>
      <c r="C196" s="15">
        <v>44503.445069444446</v>
      </c>
      <c r="D196" s="1">
        <v>96</v>
      </c>
      <c r="E196" s="1">
        <v>12.58</v>
      </c>
      <c r="F196" s="1">
        <v>1207.68</v>
      </c>
      <c r="G196" s="1" t="s">
        <v>6</v>
      </c>
    </row>
    <row r="197" spans="2:7" x14ac:dyDescent="0.35">
      <c r="B197" s="16">
        <v>44503</v>
      </c>
      <c r="C197" s="15">
        <v>44503.445069444446</v>
      </c>
      <c r="D197" s="1">
        <v>301</v>
      </c>
      <c r="E197" s="1">
        <v>12.58</v>
      </c>
      <c r="F197" s="1">
        <v>3786.58</v>
      </c>
      <c r="G197" s="1" t="s">
        <v>6</v>
      </c>
    </row>
    <row r="198" spans="2:7" x14ac:dyDescent="0.35">
      <c r="B198" s="16">
        <v>44503</v>
      </c>
      <c r="C198" s="15">
        <v>44503.445069444446</v>
      </c>
      <c r="D198" s="1">
        <v>274</v>
      </c>
      <c r="E198" s="1">
        <v>12.58</v>
      </c>
      <c r="F198" s="1">
        <v>3446.92</v>
      </c>
      <c r="G198" s="1" t="s">
        <v>6</v>
      </c>
    </row>
    <row r="199" spans="2:7" x14ac:dyDescent="0.35">
      <c r="B199" s="16">
        <v>44503</v>
      </c>
      <c r="C199" s="15">
        <v>44503.445069444446</v>
      </c>
      <c r="D199" s="1">
        <v>291</v>
      </c>
      <c r="E199" s="1">
        <v>12.58</v>
      </c>
      <c r="F199" s="1">
        <v>3660.78</v>
      </c>
      <c r="G199" s="1" t="s">
        <v>6</v>
      </c>
    </row>
    <row r="200" spans="2:7" x14ac:dyDescent="0.35">
      <c r="B200" s="16">
        <v>44503</v>
      </c>
      <c r="C200" s="15">
        <v>44503.445069444446</v>
      </c>
      <c r="D200" s="1">
        <v>205</v>
      </c>
      <c r="E200" s="1">
        <v>12.58</v>
      </c>
      <c r="F200" s="1">
        <v>2578.9</v>
      </c>
      <c r="G200" s="1" t="s">
        <v>6</v>
      </c>
    </row>
    <row r="201" spans="2:7" x14ac:dyDescent="0.35">
      <c r="B201" s="16">
        <v>44503</v>
      </c>
      <c r="C201" s="15">
        <v>44503.463437500002</v>
      </c>
      <c r="D201" s="1">
        <v>328</v>
      </c>
      <c r="E201" s="1">
        <v>12.56</v>
      </c>
      <c r="F201" s="1">
        <v>4119.68</v>
      </c>
      <c r="G201" s="1" t="s">
        <v>6</v>
      </c>
    </row>
    <row r="202" spans="2:7" x14ac:dyDescent="0.35">
      <c r="B202" s="16">
        <v>44503</v>
      </c>
      <c r="C202" s="15">
        <v>44503.486319444448</v>
      </c>
      <c r="D202" s="1">
        <v>74</v>
      </c>
      <c r="E202" s="1">
        <v>12.56</v>
      </c>
      <c r="F202" s="1">
        <v>929.44</v>
      </c>
      <c r="G202" s="1" t="s">
        <v>6</v>
      </c>
    </row>
    <row r="203" spans="2:7" x14ac:dyDescent="0.35">
      <c r="B203" s="16">
        <v>44503</v>
      </c>
      <c r="C203" s="15">
        <v>44503.486319444448</v>
      </c>
      <c r="D203" s="1">
        <v>48</v>
      </c>
      <c r="E203" s="1">
        <v>12.56</v>
      </c>
      <c r="F203" s="1">
        <v>602.88</v>
      </c>
      <c r="G203" s="1" t="s">
        <v>6</v>
      </c>
    </row>
    <row r="204" spans="2:7" x14ac:dyDescent="0.35">
      <c r="B204" s="16">
        <v>44503</v>
      </c>
      <c r="C204" s="15">
        <v>44503.486319444448</v>
      </c>
      <c r="D204" s="1">
        <v>196</v>
      </c>
      <c r="E204" s="1">
        <v>12.56</v>
      </c>
      <c r="F204" s="1">
        <v>2461.7600000000002</v>
      </c>
      <c r="G204" s="1" t="s">
        <v>6</v>
      </c>
    </row>
    <row r="205" spans="2:7" x14ac:dyDescent="0.35">
      <c r="B205" s="16">
        <v>44503</v>
      </c>
      <c r="C205" s="15">
        <v>44503.495266203703</v>
      </c>
      <c r="D205" s="1">
        <v>10</v>
      </c>
      <c r="E205" s="1">
        <v>12.56</v>
      </c>
      <c r="F205" s="1">
        <v>125.60000000000001</v>
      </c>
      <c r="G205" s="1" t="s">
        <v>6</v>
      </c>
    </row>
    <row r="206" spans="2:7" x14ac:dyDescent="0.35">
      <c r="B206" s="16">
        <v>44503</v>
      </c>
      <c r="C206" s="15">
        <v>44503.495266203703</v>
      </c>
      <c r="D206" s="1">
        <v>250</v>
      </c>
      <c r="E206" s="1">
        <v>12.56</v>
      </c>
      <c r="F206" s="1">
        <v>3140</v>
      </c>
      <c r="G206" s="1" t="s">
        <v>6</v>
      </c>
    </row>
    <row r="207" spans="2:7" x14ac:dyDescent="0.35">
      <c r="B207" s="16">
        <v>44503</v>
      </c>
      <c r="C207" s="15">
        <v>44503.502743055556</v>
      </c>
      <c r="D207" s="1">
        <v>250</v>
      </c>
      <c r="E207" s="1">
        <v>12.56</v>
      </c>
      <c r="F207" s="1">
        <v>3140</v>
      </c>
      <c r="G207" s="1" t="s">
        <v>6</v>
      </c>
    </row>
    <row r="208" spans="2:7" x14ac:dyDescent="0.35">
      <c r="B208" s="16">
        <v>44503</v>
      </c>
      <c r="C208" s="15">
        <v>44503.502743055556</v>
      </c>
      <c r="D208" s="1">
        <v>77</v>
      </c>
      <c r="E208" s="1">
        <v>12.56</v>
      </c>
      <c r="F208" s="1">
        <v>967.12</v>
      </c>
      <c r="G208" s="1" t="s">
        <v>6</v>
      </c>
    </row>
    <row r="209" spans="2:7" x14ac:dyDescent="0.35">
      <c r="B209" s="16">
        <v>44503</v>
      </c>
      <c r="C209" s="15">
        <v>44503.502824074072</v>
      </c>
      <c r="D209" s="1">
        <v>309</v>
      </c>
      <c r="E209" s="1">
        <v>12.54</v>
      </c>
      <c r="F209" s="1">
        <v>3874.8599999999997</v>
      </c>
      <c r="G209" s="1" t="s">
        <v>6</v>
      </c>
    </row>
    <row r="210" spans="2:7" x14ac:dyDescent="0.35">
      <c r="B210" s="16">
        <v>44503</v>
      </c>
      <c r="C210" s="15">
        <v>44503.502824074072</v>
      </c>
      <c r="D210" s="1">
        <v>298</v>
      </c>
      <c r="E210" s="1">
        <v>12.54</v>
      </c>
      <c r="F210" s="1">
        <v>3736.9199999999996</v>
      </c>
      <c r="G210" s="1" t="s">
        <v>6</v>
      </c>
    </row>
    <row r="211" spans="2:7" x14ac:dyDescent="0.35">
      <c r="B211" s="16">
        <v>44503</v>
      </c>
      <c r="C211" s="15">
        <v>44503.502824074072</v>
      </c>
      <c r="D211" s="1">
        <v>285</v>
      </c>
      <c r="E211" s="1">
        <v>12.54</v>
      </c>
      <c r="F211" s="1">
        <v>3573.8999999999996</v>
      </c>
      <c r="G211" s="1" t="s">
        <v>6</v>
      </c>
    </row>
    <row r="212" spans="2:7" x14ac:dyDescent="0.35">
      <c r="B212" s="16">
        <v>44503</v>
      </c>
      <c r="C212" s="15">
        <v>44503.539189814815</v>
      </c>
      <c r="D212" s="1">
        <v>250</v>
      </c>
      <c r="E212" s="1">
        <v>12.56</v>
      </c>
      <c r="F212" s="1">
        <v>3140</v>
      </c>
      <c r="G212" s="1" t="s">
        <v>6</v>
      </c>
    </row>
    <row r="213" spans="2:7" x14ac:dyDescent="0.35">
      <c r="B213" s="16">
        <v>44503</v>
      </c>
      <c r="C213" s="15">
        <v>44503.539189814815</v>
      </c>
      <c r="D213" s="1">
        <v>70</v>
      </c>
      <c r="E213" s="1">
        <v>12.56</v>
      </c>
      <c r="F213" s="1">
        <v>879.2</v>
      </c>
      <c r="G213" s="1" t="s">
        <v>6</v>
      </c>
    </row>
    <row r="214" spans="2:7" x14ac:dyDescent="0.35">
      <c r="B214" s="16">
        <v>44503</v>
      </c>
      <c r="C214" s="15">
        <v>44503.54178240741</v>
      </c>
      <c r="D214" s="1">
        <v>284</v>
      </c>
      <c r="E214" s="1">
        <v>12.54</v>
      </c>
      <c r="F214" s="1">
        <v>3561.3599999999997</v>
      </c>
      <c r="G214" s="1" t="s">
        <v>6</v>
      </c>
    </row>
    <row r="215" spans="2:7" x14ac:dyDescent="0.35">
      <c r="B215" s="16">
        <v>44503</v>
      </c>
      <c r="C215" s="15">
        <v>44503.54178240741</v>
      </c>
      <c r="D215" s="1">
        <v>11</v>
      </c>
      <c r="E215" s="1">
        <v>12.54</v>
      </c>
      <c r="F215" s="1">
        <v>137.94</v>
      </c>
      <c r="G215" s="1" t="s">
        <v>6</v>
      </c>
    </row>
    <row r="216" spans="2:7" x14ac:dyDescent="0.35">
      <c r="B216" s="16">
        <v>44503</v>
      </c>
      <c r="C216" s="15">
        <v>44503.54178240741</v>
      </c>
      <c r="D216" s="1">
        <v>287</v>
      </c>
      <c r="E216" s="1">
        <v>12.54</v>
      </c>
      <c r="F216" s="1">
        <v>3598.9799999999996</v>
      </c>
      <c r="G216" s="1" t="s">
        <v>6</v>
      </c>
    </row>
    <row r="217" spans="2:7" x14ac:dyDescent="0.35">
      <c r="B217" s="16">
        <v>44503</v>
      </c>
      <c r="C217" s="15">
        <v>44503.54178240741</v>
      </c>
      <c r="D217" s="1">
        <v>297</v>
      </c>
      <c r="E217" s="1">
        <v>12.54</v>
      </c>
      <c r="F217" s="1">
        <v>3724.3799999999997</v>
      </c>
      <c r="G217" s="1" t="s">
        <v>6</v>
      </c>
    </row>
    <row r="218" spans="2:7" x14ac:dyDescent="0.35">
      <c r="B218" s="16">
        <v>44503</v>
      </c>
      <c r="C218" s="15">
        <v>44503.576620370368</v>
      </c>
      <c r="D218" s="1">
        <v>277</v>
      </c>
      <c r="E218" s="1">
        <v>12.54</v>
      </c>
      <c r="F218" s="1">
        <v>3473.58</v>
      </c>
      <c r="G218" s="1" t="s">
        <v>6</v>
      </c>
    </row>
    <row r="219" spans="2:7" x14ac:dyDescent="0.35">
      <c r="B219" s="16">
        <v>44503</v>
      </c>
      <c r="C219" s="15">
        <v>44503.585069444445</v>
      </c>
      <c r="D219" s="1">
        <v>44</v>
      </c>
      <c r="E219" s="1">
        <v>12.52</v>
      </c>
      <c r="F219" s="1">
        <v>550.88</v>
      </c>
      <c r="G219" s="1" t="s">
        <v>6</v>
      </c>
    </row>
    <row r="220" spans="2:7" x14ac:dyDescent="0.35">
      <c r="B220" s="16">
        <v>44503</v>
      </c>
      <c r="C220" s="15">
        <v>44503.585069444445</v>
      </c>
      <c r="D220" s="1">
        <v>395</v>
      </c>
      <c r="E220" s="1">
        <v>12.52</v>
      </c>
      <c r="F220" s="1">
        <v>4945.3999999999996</v>
      </c>
      <c r="G220" s="1" t="s">
        <v>6</v>
      </c>
    </row>
    <row r="221" spans="2:7" x14ac:dyDescent="0.35">
      <c r="B221" s="16">
        <v>44503</v>
      </c>
      <c r="C221" s="15">
        <v>44503.585069444445</v>
      </c>
      <c r="D221" s="1">
        <v>415</v>
      </c>
      <c r="E221" s="1">
        <v>12.52</v>
      </c>
      <c r="F221" s="1">
        <v>5195.8</v>
      </c>
      <c r="G221" s="1" t="s">
        <v>6</v>
      </c>
    </row>
    <row r="222" spans="2:7" x14ac:dyDescent="0.35">
      <c r="B222" s="16">
        <v>44503</v>
      </c>
      <c r="C222" s="15">
        <v>44503.608078703706</v>
      </c>
      <c r="D222" s="1">
        <v>109</v>
      </c>
      <c r="E222" s="1">
        <v>12.5</v>
      </c>
      <c r="F222" s="1">
        <v>1362.5</v>
      </c>
      <c r="G222" s="1" t="s">
        <v>6</v>
      </c>
    </row>
    <row r="223" spans="2:7" x14ac:dyDescent="0.35">
      <c r="B223" s="16">
        <v>44503</v>
      </c>
      <c r="C223" s="15">
        <v>44503.608078703706</v>
      </c>
      <c r="D223" s="1">
        <v>125</v>
      </c>
      <c r="E223" s="1">
        <v>12.5</v>
      </c>
      <c r="F223" s="1">
        <v>1562.5</v>
      </c>
      <c r="G223" s="1" t="s">
        <v>6</v>
      </c>
    </row>
    <row r="224" spans="2:7" x14ac:dyDescent="0.35">
      <c r="B224" s="16">
        <v>44503</v>
      </c>
      <c r="C224" s="15">
        <v>44503.608078703706</v>
      </c>
      <c r="D224" s="1">
        <v>85</v>
      </c>
      <c r="E224" s="1">
        <v>12.5</v>
      </c>
      <c r="F224" s="1">
        <v>1062.5</v>
      </c>
      <c r="G224" s="1" t="s">
        <v>6</v>
      </c>
    </row>
    <row r="225" spans="2:7" x14ac:dyDescent="0.35">
      <c r="B225" s="16">
        <v>44503</v>
      </c>
      <c r="C225" s="15">
        <v>44503.615428240744</v>
      </c>
      <c r="D225" s="1">
        <v>36</v>
      </c>
      <c r="E225" s="1">
        <v>12.48</v>
      </c>
      <c r="F225" s="1">
        <v>449.28000000000003</v>
      </c>
      <c r="G225" s="1" t="s">
        <v>6</v>
      </c>
    </row>
    <row r="226" spans="2:7" x14ac:dyDescent="0.35">
      <c r="B226" s="16">
        <v>44503</v>
      </c>
      <c r="C226" s="15">
        <v>44503.615428240744</v>
      </c>
      <c r="D226" s="1">
        <v>241</v>
      </c>
      <c r="E226" s="1">
        <v>12.48</v>
      </c>
      <c r="F226" s="1">
        <v>3007.6800000000003</v>
      </c>
      <c r="G226" s="1" t="s">
        <v>6</v>
      </c>
    </row>
    <row r="227" spans="2:7" x14ac:dyDescent="0.35">
      <c r="B227" s="16">
        <v>44503</v>
      </c>
      <c r="C227" s="15">
        <v>44503.615428240744</v>
      </c>
      <c r="D227" s="1">
        <v>277</v>
      </c>
      <c r="E227" s="1">
        <v>12.48</v>
      </c>
      <c r="F227" s="1">
        <v>3456.96</v>
      </c>
      <c r="G227" s="1" t="s">
        <v>6</v>
      </c>
    </row>
    <row r="228" spans="2:7" x14ac:dyDescent="0.35">
      <c r="B228" s="16">
        <v>44503</v>
      </c>
      <c r="C228" s="15">
        <v>44503.615428240744</v>
      </c>
      <c r="D228" s="1">
        <v>277</v>
      </c>
      <c r="E228" s="1">
        <v>12.48</v>
      </c>
      <c r="F228" s="1">
        <v>3456.96</v>
      </c>
      <c r="G228" s="1" t="s">
        <v>6</v>
      </c>
    </row>
    <row r="229" spans="2:7" x14ac:dyDescent="0.35">
      <c r="B229" s="16">
        <v>44503</v>
      </c>
      <c r="C229" s="15">
        <v>44503.638969907406</v>
      </c>
      <c r="D229" s="1">
        <v>100</v>
      </c>
      <c r="E229" s="1">
        <v>12.5</v>
      </c>
      <c r="F229" s="1">
        <v>1250</v>
      </c>
      <c r="G229" s="1" t="s">
        <v>6</v>
      </c>
    </row>
    <row r="230" spans="2:7" x14ac:dyDescent="0.35">
      <c r="B230" s="16">
        <v>44503</v>
      </c>
      <c r="C230" s="15">
        <v>44503.638969907406</v>
      </c>
      <c r="D230" s="1">
        <v>53</v>
      </c>
      <c r="E230" s="1">
        <v>12.5</v>
      </c>
      <c r="F230" s="1">
        <v>662.5</v>
      </c>
      <c r="G230" s="1" t="s">
        <v>6</v>
      </c>
    </row>
    <row r="231" spans="2:7" x14ac:dyDescent="0.35">
      <c r="B231" s="16">
        <v>44503</v>
      </c>
      <c r="C231" s="15">
        <v>44503.638969907406</v>
      </c>
      <c r="D231" s="1">
        <v>171</v>
      </c>
      <c r="E231" s="1">
        <v>12.5</v>
      </c>
      <c r="F231" s="1">
        <v>2137.5</v>
      </c>
      <c r="G231" s="1" t="s">
        <v>6</v>
      </c>
    </row>
    <row r="232" spans="2:7" x14ac:dyDescent="0.35">
      <c r="B232" s="16">
        <v>44503</v>
      </c>
      <c r="C232" s="15">
        <v>44503.64135416667</v>
      </c>
      <c r="D232" s="1">
        <v>38</v>
      </c>
      <c r="E232" s="1">
        <v>12.5</v>
      </c>
      <c r="F232" s="1">
        <v>475</v>
      </c>
      <c r="G232" s="1" t="s">
        <v>6</v>
      </c>
    </row>
    <row r="233" spans="2:7" x14ac:dyDescent="0.35">
      <c r="B233" s="16">
        <v>44503</v>
      </c>
      <c r="C233" s="15">
        <v>44503.64135416667</v>
      </c>
      <c r="D233" s="1">
        <v>293</v>
      </c>
      <c r="E233" s="1">
        <v>12.5</v>
      </c>
      <c r="F233" s="1">
        <v>3662.5</v>
      </c>
      <c r="G233" s="1" t="s">
        <v>6</v>
      </c>
    </row>
    <row r="234" spans="2:7" x14ac:dyDescent="0.35">
      <c r="B234" s="16">
        <v>44503</v>
      </c>
      <c r="C234" s="15">
        <v>44503.647233796299</v>
      </c>
      <c r="D234" s="1">
        <v>274</v>
      </c>
      <c r="E234" s="1">
        <v>12.48</v>
      </c>
      <c r="F234" s="1">
        <v>3419.52</v>
      </c>
      <c r="G234" s="1" t="s">
        <v>6</v>
      </c>
    </row>
    <row r="235" spans="2:7" x14ac:dyDescent="0.35">
      <c r="B235" s="16">
        <v>44503</v>
      </c>
      <c r="C235" s="15">
        <v>44503.647233796299</v>
      </c>
      <c r="D235" s="1">
        <v>278</v>
      </c>
      <c r="E235" s="1">
        <v>12.48</v>
      </c>
      <c r="F235" s="1">
        <v>3469.44</v>
      </c>
      <c r="G235" s="1" t="s">
        <v>6</v>
      </c>
    </row>
    <row r="236" spans="2:7" x14ac:dyDescent="0.35">
      <c r="B236" s="16">
        <v>44503</v>
      </c>
      <c r="C236" s="15">
        <v>44503.647233796299</v>
      </c>
      <c r="D236" s="1">
        <v>277</v>
      </c>
      <c r="E236" s="1">
        <v>12.48</v>
      </c>
      <c r="F236" s="1">
        <v>3456.96</v>
      </c>
      <c r="G236" s="1" t="s">
        <v>6</v>
      </c>
    </row>
    <row r="237" spans="2:7" x14ac:dyDescent="0.35">
      <c r="B237" s="16">
        <v>44503</v>
      </c>
      <c r="C237" s="15">
        <v>44503.665150462963</v>
      </c>
      <c r="D237" s="1">
        <v>149</v>
      </c>
      <c r="E237" s="1">
        <v>12.46</v>
      </c>
      <c r="F237" s="1">
        <v>1856.5400000000002</v>
      </c>
      <c r="G237" s="1" t="s">
        <v>6</v>
      </c>
    </row>
    <row r="238" spans="2:7" x14ac:dyDescent="0.35">
      <c r="B238" s="16">
        <v>44503</v>
      </c>
      <c r="C238" s="15">
        <v>44503.665150462963</v>
      </c>
      <c r="D238" s="1">
        <v>158</v>
      </c>
      <c r="E238" s="1">
        <v>12.46</v>
      </c>
      <c r="F238" s="1">
        <v>1968.68</v>
      </c>
      <c r="G238" s="1" t="s">
        <v>6</v>
      </c>
    </row>
    <row r="239" spans="2:7" x14ac:dyDescent="0.35">
      <c r="B239" s="16">
        <v>44503</v>
      </c>
      <c r="C239" s="15">
        <v>44503.669930555552</v>
      </c>
      <c r="D239" s="1">
        <v>875</v>
      </c>
      <c r="E239" s="1">
        <v>12.46</v>
      </c>
      <c r="F239" s="1">
        <v>10902.5</v>
      </c>
      <c r="G239" s="1" t="s">
        <v>6</v>
      </c>
    </row>
    <row r="240" spans="2:7" x14ac:dyDescent="0.35">
      <c r="B240" s="16">
        <v>44503</v>
      </c>
      <c r="C240" s="15">
        <v>44503.684884259259</v>
      </c>
      <c r="D240" s="1">
        <v>277</v>
      </c>
      <c r="E240" s="1">
        <v>12.42</v>
      </c>
      <c r="F240" s="1">
        <v>3440.34</v>
      </c>
      <c r="G240" s="1" t="s">
        <v>6</v>
      </c>
    </row>
    <row r="241" spans="2:7" x14ac:dyDescent="0.35">
      <c r="B241" s="16">
        <v>44503</v>
      </c>
      <c r="C241" s="15">
        <v>44503.684884259259</v>
      </c>
      <c r="D241" s="1">
        <v>281</v>
      </c>
      <c r="E241" s="1">
        <v>12.42</v>
      </c>
      <c r="F241" s="1">
        <v>3490.02</v>
      </c>
      <c r="G241" s="1" t="s">
        <v>6</v>
      </c>
    </row>
    <row r="242" spans="2:7" x14ac:dyDescent="0.35">
      <c r="B242" s="16">
        <v>44503</v>
      </c>
      <c r="C242" s="15">
        <v>44503.70385416667</v>
      </c>
      <c r="D242" s="1">
        <v>317</v>
      </c>
      <c r="E242" s="1">
        <v>12.4</v>
      </c>
      <c r="F242" s="1">
        <v>3930.8</v>
      </c>
      <c r="G242" s="1" t="s">
        <v>6</v>
      </c>
    </row>
    <row r="243" spans="2:7" x14ac:dyDescent="0.35">
      <c r="B243" s="16">
        <v>44503</v>
      </c>
      <c r="C243" s="15">
        <v>44503.70385416667</v>
      </c>
      <c r="D243" s="1">
        <v>183</v>
      </c>
      <c r="E243" s="1">
        <v>12.4</v>
      </c>
      <c r="F243" s="1">
        <v>2269.2000000000003</v>
      </c>
      <c r="G243" s="1" t="s">
        <v>6</v>
      </c>
    </row>
    <row r="244" spans="2:7" x14ac:dyDescent="0.35">
      <c r="B244" s="16">
        <v>44503</v>
      </c>
      <c r="C244" s="15">
        <v>44503.70385416667</v>
      </c>
      <c r="D244" s="1">
        <v>139</v>
      </c>
      <c r="E244" s="1">
        <v>12.4</v>
      </c>
      <c r="F244" s="1">
        <v>1723.6000000000001</v>
      </c>
      <c r="G244" s="1" t="s">
        <v>6</v>
      </c>
    </row>
    <row r="245" spans="2:7" x14ac:dyDescent="0.35">
      <c r="B245" s="16">
        <v>44503</v>
      </c>
      <c r="C245" s="15">
        <v>44503.70385416667</v>
      </c>
      <c r="D245" s="1">
        <v>274</v>
      </c>
      <c r="E245" s="1">
        <v>12.4</v>
      </c>
      <c r="F245" s="1">
        <v>3397.6</v>
      </c>
      <c r="G245" s="1" t="s">
        <v>6</v>
      </c>
    </row>
    <row r="246" spans="2:7" x14ac:dyDescent="0.35">
      <c r="B246" s="16">
        <v>44503</v>
      </c>
      <c r="C246" s="15">
        <v>44503.70385416667</v>
      </c>
      <c r="D246" s="1">
        <v>297</v>
      </c>
      <c r="E246" s="1">
        <v>12.4</v>
      </c>
      <c r="F246" s="1">
        <v>3682.8</v>
      </c>
      <c r="G246" s="1" t="s">
        <v>6</v>
      </c>
    </row>
    <row r="247" spans="2:7" x14ac:dyDescent="0.35">
      <c r="B247" s="16">
        <v>44503</v>
      </c>
      <c r="C247" s="15">
        <v>44503.720868055556</v>
      </c>
      <c r="D247" s="1">
        <v>160</v>
      </c>
      <c r="E247" s="1">
        <v>12.42</v>
      </c>
      <c r="F247" s="1">
        <v>1987.2</v>
      </c>
      <c r="G247" s="1" t="s">
        <v>6</v>
      </c>
    </row>
    <row r="248" spans="2:7" x14ac:dyDescent="0.35">
      <c r="B248" s="16">
        <v>44503</v>
      </c>
      <c r="C248" s="15">
        <v>44503.720868055556</v>
      </c>
      <c r="D248" s="1">
        <v>149</v>
      </c>
      <c r="E248" s="1">
        <v>12.42</v>
      </c>
      <c r="F248" s="1">
        <v>1850.58</v>
      </c>
      <c r="G248" s="1" t="s">
        <v>6</v>
      </c>
    </row>
    <row r="249" spans="2:7" x14ac:dyDescent="0.35">
      <c r="B249" s="16">
        <v>44503</v>
      </c>
      <c r="C249" s="15">
        <v>44503.720868055556</v>
      </c>
      <c r="D249" s="1">
        <v>203</v>
      </c>
      <c r="E249" s="1">
        <v>12.42</v>
      </c>
      <c r="F249" s="1">
        <v>2521.2599999999998</v>
      </c>
      <c r="G249" s="1" t="s">
        <v>6</v>
      </c>
    </row>
    <row r="250" spans="2:7" x14ac:dyDescent="0.35">
      <c r="B250" s="16">
        <v>44503</v>
      </c>
      <c r="C250" s="15">
        <v>44503.720868055556</v>
      </c>
      <c r="D250" s="1">
        <v>250</v>
      </c>
      <c r="E250" s="1">
        <v>12.42</v>
      </c>
      <c r="F250" s="1">
        <v>3105</v>
      </c>
      <c r="G250" s="1" t="s">
        <v>6</v>
      </c>
    </row>
    <row r="251" spans="2:7" x14ac:dyDescent="0.35">
      <c r="B251" s="16">
        <v>44503</v>
      </c>
      <c r="C251" s="15">
        <v>44503.720868055556</v>
      </c>
      <c r="D251" s="1">
        <v>53</v>
      </c>
      <c r="E251" s="1">
        <v>12.42</v>
      </c>
      <c r="F251" s="1">
        <v>658.26</v>
      </c>
      <c r="G251" s="1" t="s">
        <v>6</v>
      </c>
    </row>
    <row r="252" spans="2:7" x14ac:dyDescent="0.35">
      <c r="B252" s="16">
        <v>44503</v>
      </c>
      <c r="C252" s="15">
        <v>44503.720868055556</v>
      </c>
      <c r="D252" s="1">
        <v>227</v>
      </c>
      <c r="E252" s="1">
        <v>12.42</v>
      </c>
      <c r="F252" s="1">
        <v>2819.34</v>
      </c>
      <c r="G252" s="1" t="s">
        <v>6</v>
      </c>
    </row>
    <row r="253" spans="2:7" x14ac:dyDescent="0.35">
      <c r="B253" s="16">
        <v>44504</v>
      </c>
      <c r="C253" s="15">
        <v>44504.382187499999</v>
      </c>
      <c r="D253" s="1">
        <v>309</v>
      </c>
      <c r="E253" s="1">
        <v>12.54</v>
      </c>
      <c r="F253" s="1">
        <v>3874.8599999999997</v>
      </c>
      <c r="G253" s="1" t="s">
        <v>6</v>
      </c>
    </row>
    <row r="254" spans="2:7" x14ac:dyDescent="0.35">
      <c r="B254" s="16">
        <v>44504</v>
      </c>
      <c r="C254" s="15">
        <v>44504.386435185188</v>
      </c>
      <c r="D254" s="1">
        <v>267</v>
      </c>
      <c r="E254" s="1">
        <v>12.52</v>
      </c>
      <c r="F254" s="1">
        <v>3342.8399999999997</v>
      </c>
      <c r="G254" s="1" t="s">
        <v>6</v>
      </c>
    </row>
    <row r="255" spans="2:7" x14ac:dyDescent="0.35">
      <c r="B255" s="16">
        <v>44504</v>
      </c>
      <c r="C255" s="15">
        <v>44504.386550925927</v>
      </c>
      <c r="D255" s="1">
        <v>279</v>
      </c>
      <c r="E255" s="1">
        <v>12.54</v>
      </c>
      <c r="F255" s="1">
        <v>3498.66</v>
      </c>
      <c r="G255" s="1" t="s">
        <v>6</v>
      </c>
    </row>
    <row r="256" spans="2:7" x14ac:dyDescent="0.35">
      <c r="B256" s="16">
        <v>44504</v>
      </c>
      <c r="C256" s="15">
        <v>44504.398217592592</v>
      </c>
      <c r="D256" s="1">
        <v>296</v>
      </c>
      <c r="E256" s="1">
        <v>12.54</v>
      </c>
      <c r="F256" s="1">
        <v>3711.8399999999997</v>
      </c>
      <c r="G256" s="1" t="s">
        <v>6</v>
      </c>
    </row>
    <row r="257" spans="2:7" x14ac:dyDescent="0.35">
      <c r="B257" s="16">
        <v>44504</v>
      </c>
      <c r="C257" s="15">
        <v>44504.39949074074</v>
      </c>
      <c r="D257" s="1">
        <v>274</v>
      </c>
      <c r="E257" s="1">
        <v>12.52</v>
      </c>
      <c r="F257" s="1">
        <v>3430.48</v>
      </c>
      <c r="G257" s="1" t="s">
        <v>6</v>
      </c>
    </row>
    <row r="258" spans="2:7" x14ac:dyDescent="0.35">
      <c r="B258" s="16">
        <v>44504</v>
      </c>
      <c r="C258" s="15">
        <v>44504.39949074074</v>
      </c>
      <c r="D258" s="1">
        <v>303</v>
      </c>
      <c r="E258" s="1">
        <v>12.52</v>
      </c>
      <c r="F258" s="1">
        <v>3793.56</v>
      </c>
      <c r="G258" s="1" t="s">
        <v>6</v>
      </c>
    </row>
    <row r="259" spans="2:7" x14ac:dyDescent="0.35">
      <c r="B259" s="16">
        <v>44504</v>
      </c>
      <c r="C259" s="15">
        <v>44504.39949074074</v>
      </c>
      <c r="D259" s="1">
        <v>298</v>
      </c>
      <c r="E259" s="1">
        <v>12.52</v>
      </c>
      <c r="F259" s="1">
        <v>3730.96</v>
      </c>
      <c r="G259" s="1" t="s">
        <v>6</v>
      </c>
    </row>
    <row r="260" spans="2:7" x14ac:dyDescent="0.35">
      <c r="B260" s="16">
        <v>44504</v>
      </c>
      <c r="C260" s="15">
        <v>44504.417627314811</v>
      </c>
      <c r="D260" s="1">
        <v>557</v>
      </c>
      <c r="E260" s="1">
        <v>12.5</v>
      </c>
      <c r="F260" s="1">
        <v>6962.5</v>
      </c>
      <c r="G260" s="1" t="s">
        <v>6</v>
      </c>
    </row>
    <row r="261" spans="2:7" x14ac:dyDescent="0.35">
      <c r="B261" s="16">
        <v>44504</v>
      </c>
      <c r="C261" s="15">
        <v>44504.417627314811</v>
      </c>
      <c r="D261" s="1">
        <v>331</v>
      </c>
      <c r="E261" s="1">
        <v>12.5</v>
      </c>
      <c r="F261" s="1">
        <v>4137.5</v>
      </c>
      <c r="G261" s="1" t="s">
        <v>6</v>
      </c>
    </row>
    <row r="262" spans="2:7" x14ac:dyDescent="0.35">
      <c r="B262" s="16">
        <v>44504</v>
      </c>
      <c r="C262" s="15">
        <v>44504.429537037038</v>
      </c>
      <c r="D262" s="1">
        <v>545</v>
      </c>
      <c r="E262" s="1">
        <v>12.5</v>
      </c>
      <c r="F262" s="1">
        <v>6812.5</v>
      </c>
      <c r="G262" s="1" t="s">
        <v>6</v>
      </c>
    </row>
    <row r="263" spans="2:7" x14ac:dyDescent="0.35">
      <c r="B263" s="16">
        <v>44504</v>
      </c>
      <c r="C263" s="15">
        <v>44504.43855324074</v>
      </c>
      <c r="D263" s="1">
        <v>320</v>
      </c>
      <c r="E263" s="1">
        <v>12.5</v>
      </c>
      <c r="F263" s="1">
        <v>4000</v>
      </c>
      <c r="G263" s="1" t="s">
        <v>6</v>
      </c>
    </row>
    <row r="264" spans="2:7" x14ac:dyDescent="0.35">
      <c r="B264" s="16">
        <v>44504</v>
      </c>
      <c r="C264" s="15">
        <v>44504.453993055555</v>
      </c>
      <c r="D264" s="1">
        <v>282</v>
      </c>
      <c r="E264" s="1">
        <v>12.52</v>
      </c>
      <c r="F264" s="1">
        <v>3530.64</v>
      </c>
      <c r="G264" s="1" t="s">
        <v>6</v>
      </c>
    </row>
    <row r="265" spans="2:7" x14ac:dyDescent="0.35">
      <c r="B265" s="16">
        <v>44504</v>
      </c>
      <c r="C265" s="15">
        <v>44504.453993055555</v>
      </c>
      <c r="D265" s="1">
        <v>581</v>
      </c>
      <c r="E265" s="1">
        <v>12.52</v>
      </c>
      <c r="F265" s="1">
        <v>7274.12</v>
      </c>
      <c r="G265" s="1" t="s">
        <v>6</v>
      </c>
    </row>
    <row r="266" spans="2:7" x14ac:dyDescent="0.35">
      <c r="B266" s="16">
        <v>44504</v>
      </c>
      <c r="C266" s="15">
        <v>44504.453993055555</v>
      </c>
      <c r="D266" s="1">
        <v>137</v>
      </c>
      <c r="E266" s="1">
        <v>12.52</v>
      </c>
      <c r="F266" s="1">
        <v>1715.24</v>
      </c>
      <c r="G266" s="1" t="s">
        <v>6</v>
      </c>
    </row>
    <row r="267" spans="2:7" x14ac:dyDescent="0.35">
      <c r="B267" s="16">
        <v>44504</v>
      </c>
      <c r="C267" s="15">
        <v>44504.453993055555</v>
      </c>
      <c r="D267" s="1">
        <v>140</v>
      </c>
      <c r="E267" s="1">
        <v>12.52</v>
      </c>
      <c r="F267" s="1">
        <v>1752.8</v>
      </c>
      <c r="G267" s="1" t="s">
        <v>6</v>
      </c>
    </row>
    <row r="268" spans="2:7" x14ac:dyDescent="0.35">
      <c r="B268" s="16">
        <v>44504</v>
      </c>
      <c r="C268" s="15">
        <v>44504.466631944444</v>
      </c>
      <c r="D268" s="1">
        <v>331</v>
      </c>
      <c r="E268" s="1">
        <v>12.5</v>
      </c>
      <c r="F268" s="1">
        <v>4137.5</v>
      </c>
      <c r="G268" s="1" t="s">
        <v>6</v>
      </c>
    </row>
    <row r="269" spans="2:7" x14ac:dyDescent="0.35">
      <c r="B269" s="16">
        <v>44504</v>
      </c>
      <c r="C269" s="15">
        <v>44504.498379629629</v>
      </c>
      <c r="D269" s="1">
        <v>570</v>
      </c>
      <c r="E269" s="1">
        <v>12.5</v>
      </c>
      <c r="F269" s="1">
        <v>7125</v>
      </c>
      <c r="G269" s="1" t="s">
        <v>6</v>
      </c>
    </row>
    <row r="270" spans="2:7" x14ac:dyDescent="0.35">
      <c r="B270" s="16">
        <v>44504</v>
      </c>
      <c r="C270" s="15">
        <v>44504.498379629629</v>
      </c>
      <c r="D270" s="1">
        <v>156</v>
      </c>
      <c r="E270" s="1">
        <v>12.5</v>
      </c>
      <c r="F270" s="1">
        <v>1950</v>
      </c>
      <c r="G270" s="1" t="s">
        <v>6</v>
      </c>
    </row>
    <row r="271" spans="2:7" x14ac:dyDescent="0.35">
      <c r="B271" s="16">
        <v>44504</v>
      </c>
      <c r="C271" s="15">
        <v>44504.498379629629</v>
      </c>
      <c r="D271" s="1">
        <v>274</v>
      </c>
      <c r="E271" s="1">
        <v>12.5</v>
      </c>
      <c r="F271" s="1">
        <v>3425</v>
      </c>
      <c r="G271" s="1" t="s">
        <v>6</v>
      </c>
    </row>
    <row r="272" spans="2:7" x14ac:dyDescent="0.35">
      <c r="B272" s="16">
        <v>44504</v>
      </c>
      <c r="C272" s="15">
        <v>44504.498379629629</v>
      </c>
      <c r="D272" s="1">
        <v>28</v>
      </c>
      <c r="E272" s="1">
        <v>12.5</v>
      </c>
      <c r="F272" s="1">
        <v>350</v>
      </c>
      <c r="G272" s="1" t="s">
        <v>6</v>
      </c>
    </row>
    <row r="273" spans="2:7" x14ac:dyDescent="0.35">
      <c r="B273" s="16">
        <v>44504</v>
      </c>
      <c r="C273" s="15">
        <v>44504.498379629629</v>
      </c>
      <c r="D273" s="1">
        <v>90</v>
      </c>
      <c r="E273" s="1">
        <v>12.5</v>
      </c>
      <c r="F273" s="1">
        <v>1125</v>
      </c>
      <c r="G273" s="1" t="s">
        <v>6</v>
      </c>
    </row>
    <row r="274" spans="2:7" x14ac:dyDescent="0.35">
      <c r="B274" s="16">
        <v>44504</v>
      </c>
      <c r="C274" s="15">
        <v>44504.519062500003</v>
      </c>
      <c r="D274" s="1">
        <v>184</v>
      </c>
      <c r="E274" s="1">
        <v>12.48</v>
      </c>
      <c r="F274" s="1">
        <v>2296.3200000000002</v>
      </c>
      <c r="G274" s="1" t="s">
        <v>6</v>
      </c>
    </row>
    <row r="275" spans="2:7" x14ac:dyDescent="0.35">
      <c r="B275" s="16">
        <v>44504</v>
      </c>
      <c r="C275" s="15">
        <v>44504.519062500003</v>
      </c>
      <c r="D275" s="1">
        <v>534</v>
      </c>
      <c r="E275" s="1">
        <v>12.48</v>
      </c>
      <c r="F275" s="1">
        <v>6664.3200000000006</v>
      </c>
      <c r="G275" s="1" t="s">
        <v>6</v>
      </c>
    </row>
    <row r="276" spans="2:7" x14ac:dyDescent="0.35">
      <c r="B276" s="16">
        <v>44504</v>
      </c>
      <c r="C276" s="15">
        <v>44504.519062500003</v>
      </c>
      <c r="D276" s="1">
        <v>138</v>
      </c>
      <c r="E276" s="1">
        <v>12.48</v>
      </c>
      <c r="F276" s="1">
        <v>1722.24</v>
      </c>
      <c r="G276" s="1" t="s">
        <v>6</v>
      </c>
    </row>
    <row r="277" spans="2:7" x14ac:dyDescent="0.35">
      <c r="B277" s="16">
        <v>44504</v>
      </c>
      <c r="C277" s="15">
        <v>44504.545312499999</v>
      </c>
      <c r="D277" s="1">
        <v>284</v>
      </c>
      <c r="E277" s="1">
        <v>12.5</v>
      </c>
      <c r="F277" s="1">
        <v>3550</v>
      </c>
      <c r="G277" s="1" t="s">
        <v>6</v>
      </c>
    </row>
    <row r="278" spans="2:7" x14ac:dyDescent="0.35">
      <c r="B278" s="16">
        <v>44504</v>
      </c>
      <c r="C278" s="15">
        <v>44504.545312499999</v>
      </c>
      <c r="D278" s="1">
        <v>7</v>
      </c>
      <c r="E278" s="1">
        <v>12.5</v>
      </c>
      <c r="F278" s="1">
        <v>87.5</v>
      </c>
      <c r="G278" s="1" t="s">
        <v>6</v>
      </c>
    </row>
    <row r="279" spans="2:7" x14ac:dyDescent="0.35">
      <c r="B279" s="16">
        <v>44504</v>
      </c>
      <c r="C279" s="15">
        <v>44504.553865740738</v>
      </c>
      <c r="D279" s="1">
        <v>277</v>
      </c>
      <c r="E279" s="1">
        <v>12.5</v>
      </c>
      <c r="F279" s="1">
        <v>3462.5</v>
      </c>
      <c r="G279" s="1" t="s">
        <v>6</v>
      </c>
    </row>
    <row r="280" spans="2:7" x14ac:dyDescent="0.35">
      <c r="B280" s="16">
        <v>44504</v>
      </c>
      <c r="C280" s="15">
        <v>44504.56</v>
      </c>
      <c r="D280" s="1">
        <v>918</v>
      </c>
      <c r="E280" s="1">
        <v>12.48</v>
      </c>
      <c r="F280" s="1">
        <v>11456.640000000001</v>
      </c>
      <c r="G280" s="1" t="s">
        <v>6</v>
      </c>
    </row>
    <row r="281" spans="2:7" x14ac:dyDescent="0.35">
      <c r="B281" s="16">
        <v>44504</v>
      </c>
      <c r="C281" s="15">
        <v>44504.573819444442</v>
      </c>
      <c r="D281" s="1">
        <v>287</v>
      </c>
      <c r="E281" s="1">
        <v>12.42</v>
      </c>
      <c r="F281" s="1">
        <v>3564.54</v>
      </c>
      <c r="G281" s="1" t="s">
        <v>6</v>
      </c>
    </row>
    <row r="282" spans="2:7" x14ac:dyDescent="0.35">
      <c r="B282" s="16">
        <v>44504</v>
      </c>
      <c r="C282" s="15">
        <v>44504.595266203702</v>
      </c>
      <c r="D282" s="1">
        <v>354</v>
      </c>
      <c r="E282" s="1">
        <v>12.46</v>
      </c>
      <c r="F282" s="1">
        <v>4410.84</v>
      </c>
      <c r="G282" s="1" t="s">
        <v>6</v>
      </c>
    </row>
    <row r="283" spans="2:7" x14ac:dyDescent="0.35">
      <c r="B283" s="16">
        <v>44504</v>
      </c>
      <c r="C283" s="15">
        <v>44504.595266203702</v>
      </c>
      <c r="D283" s="1">
        <v>580</v>
      </c>
      <c r="E283" s="1">
        <v>12.46</v>
      </c>
      <c r="F283" s="1">
        <v>7226.8</v>
      </c>
      <c r="G283" s="1" t="s">
        <v>6</v>
      </c>
    </row>
    <row r="284" spans="2:7" x14ac:dyDescent="0.35">
      <c r="B284" s="16">
        <v>44504</v>
      </c>
      <c r="C284" s="15">
        <v>44504.602071759262</v>
      </c>
      <c r="D284" s="1">
        <v>144</v>
      </c>
      <c r="E284" s="1">
        <v>12.4</v>
      </c>
      <c r="F284" s="1">
        <v>1785.6000000000001</v>
      </c>
      <c r="G284" s="1" t="s">
        <v>6</v>
      </c>
    </row>
    <row r="285" spans="2:7" x14ac:dyDescent="0.35">
      <c r="B285" s="16">
        <v>44504</v>
      </c>
      <c r="C285" s="15">
        <v>44504.602071759262</v>
      </c>
      <c r="D285" s="1">
        <v>76</v>
      </c>
      <c r="E285" s="1">
        <v>12.4</v>
      </c>
      <c r="F285" s="1">
        <v>942.4</v>
      </c>
      <c r="G285" s="1" t="s">
        <v>6</v>
      </c>
    </row>
    <row r="286" spans="2:7" x14ac:dyDescent="0.35">
      <c r="B286" s="16">
        <v>44504</v>
      </c>
      <c r="C286" s="15">
        <v>44504.602118055554</v>
      </c>
      <c r="D286" s="1">
        <v>81</v>
      </c>
      <c r="E286" s="1">
        <v>12.4</v>
      </c>
      <c r="F286" s="1">
        <v>1004.4</v>
      </c>
      <c r="G286" s="1" t="s">
        <v>6</v>
      </c>
    </row>
    <row r="287" spans="2:7" x14ac:dyDescent="0.35">
      <c r="B287" s="16">
        <v>44504</v>
      </c>
      <c r="C287" s="15">
        <v>44504.617939814816</v>
      </c>
      <c r="D287" s="1">
        <v>317</v>
      </c>
      <c r="E287" s="1">
        <v>12.42</v>
      </c>
      <c r="F287" s="1">
        <v>3937.14</v>
      </c>
      <c r="G287" s="1" t="s">
        <v>6</v>
      </c>
    </row>
    <row r="288" spans="2:7" x14ac:dyDescent="0.35">
      <c r="B288" s="16">
        <v>44504</v>
      </c>
      <c r="C288" s="15">
        <v>44504.617939814816</v>
      </c>
      <c r="D288" s="1">
        <v>320</v>
      </c>
      <c r="E288" s="1">
        <v>12.42</v>
      </c>
      <c r="F288" s="1">
        <v>3974.4</v>
      </c>
      <c r="G288" s="1" t="s">
        <v>6</v>
      </c>
    </row>
    <row r="289" spans="2:14" x14ac:dyDescent="0.35">
      <c r="B289" s="16">
        <v>44504</v>
      </c>
      <c r="C289" s="15">
        <v>44504.625439814816</v>
      </c>
      <c r="D289" s="1">
        <v>276</v>
      </c>
      <c r="E289" s="1">
        <v>12.42</v>
      </c>
      <c r="F289" s="1">
        <v>3427.92</v>
      </c>
      <c r="G289" s="1" t="s">
        <v>6</v>
      </c>
    </row>
    <row r="290" spans="2:14" x14ac:dyDescent="0.35">
      <c r="B290" s="16">
        <v>44504</v>
      </c>
      <c r="C290" s="15">
        <v>44504.644224537034</v>
      </c>
      <c r="D290" s="1">
        <v>278</v>
      </c>
      <c r="E290" s="1">
        <v>12.42</v>
      </c>
      <c r="F290" s="1">
        <v>3452.7599999999998</v>
      </c>
      <c r="G290" s="1" t="s">
        <v>6</v>
      </c>
    </row>
    <row r="291" spans="2:14" x14ac:dyDescent="0.35">
      <c r="B291" s="16">
        <v>44504</v>
      </c>
      <c r="C291" s="15">
        <v>44504.644224537034</v>
      </c>
      <c r="D291" s="1">
        <v>298</v>
      </c>
      <c r="E291" s="1">
        <v>12.42</v>
      </c>
      <c r="F291" s="1">
        <v>3701.16</v>
      </c>
      <c r="G291" s="1" t="s">
        <v>6</v>
      </c>
    </row>
    <row r="292" spans="2:14" x14ac:dyDescent="0.35">
      <c r="B292" s="16">
        <v>44504</v>
      </c>
      <c r="C292" s="15">
        <v>44504.644224537034</v>
      </c>
      <c r="D292" s="1">
        <v>291</v>
      </c>
      <c r="E292" s="1">
        <v>12.42</v>
      </c>
      <c r="F292" s="1">
        <v>3614.22</v>
      </c>
      <c r="G292" s="1" t="s">
        <v>6</v>
      </c>
    </row>
    <row r="293" spans="2:14" x14ac:dyDescent="0.35">
      <c r="B293" s="16">
        <v>44504</v>
      </c>
      <c r="C293" s="15">
        <v>44504.644224537034</v>
      </c>
      <c r="D293" s="1">
        <v>299</v>
      </c>
      <c r="E293" s="1">
        <v>12.42</v>
      </c>
      <c r="F293" s="1">
        <v>3713.58</v>
      </c>
      <c r="G293" s="1" t="s">
        <v>6</v>
      </c>
    </row>
    <row r="294" spans="2:14" x14ac:dyDescent="0.35">
      <c r="B294" s="16">
        <v>44504</v>
      </c>
      <c r="C294" s="15">
        <v>44504.65253472222</v>
      </c>
      <c r="D294" s="1">
        <v>326</v>
      </c>
      <c r="E294" s="1">
        <v>12.4</v>
      </c>
      <c r="F294" s="1">
        <v>4042.4</v>
      </c>
      <c r="G294" s="1" t="s">
        <v>6</v>
      </c>
    </row>
    <row r="295" spans="2:14" x14ac:dyDescent="0.35">
      <c r="B295" s="16">
        <v>44504</v>
      </c>
      <c r="C295" s="15">
        <v>44504.66951388889</v>
      </c>
      <c r="D295" s="1">
        <v>302</v>
      </c>
      <c r="E295" s="1">
        <v>12.38</v>
      </c>
      <c r="F295" s="1">
        <v>3738.76</v>
      </c>
      <c r="G295" s="1" t="s">
        <v>6</v>
      </c>
    </row>
    <row r="296" spans="2:14" x14ac:dyDescent="0.35">
      <c r="B296" s="16">
        <v>44504</v>
      </c>
      <c r="C296" s="15">
        <v>44504.66951388889</v>
      </c>
      <c r="D296" s="1">
        <v>302</v>
      </c>
      <c r="E296" s="1">
        <v>12.38</v>
      </c>
      <c r="F296" s="1">
        <v>3738.76</v>
      </c>
      <c r="G296" s="1" t="s">
        <v>6</v>
      </c>
    </row>
    <row r="297" spans="2:14" x14ac:dyDescent="0.35">
      <c r="B297" s="16">
        <v>44504</v>
      </c>
      <c r="C297" s="15">
        <v>44504.681979166664</v>
      </c>
      <c r="D297" s="1">
        <v>284</v>
      </c>
      <c r="E297" s="1">
        <v>12.4</v>
      </c>
      <c r="F297" s="1">
        <v>3521.6</v>
      </c>
      <c r="G297" s="1" t="s">
        <v>6</v>
      </c>
    </row>
    <row r="298" spans="2:14" x14ac:dyDescent="0.35">
      <c r="B298" s="16">
        <v>44504</v>
      </c>
      <c r="C298" s="15">
        <v>44504.681979166664</v>
      </c>
      <c r="D298" s="1">
        <v>131</v>
      </c>
      <c r="E298" s="1">
        <v>12.4</v>
      </c>
      <c r="F298" s="1">
        <v>1624.4</v>
      </c>
      <c r="G298" s="1" t="s">
        <v>6</v>
      </c>
    </row>
    <row r="299" spans="2:14" x14ac:dyDescent="0.35">
      <c r="B299" s="16">
        <v>44504</v>
      </c>
      <c r="C299" s="15">
        <v>44504.681979166664</v>
      </c>
      <c r="D299" s="1">
        <v>25</v>
      </c>
      <c r="E299" s="1">
        <v>12.4</v>
      </c>
      <c r="F299" s="1">
        <v>310</v>
      </c>
      <c r="G299" s="1" t="s">
        <v>6</v>
      </c>
    </row>
    <row r="300" spans="2:14" x14ac:dyDescent="0.35">
      <c r="B300" s="16">
        <v>44504</v>
      </c>
      <c r="C300" s="15">
        <v>44504.681979166664</v>
      </c>
      <c r="D300" s="1">
        <v>37</v>
      </c>
      <c r="E300" s="1">
        <v>12.4</v>
      </c>
      <c r="F300" s="1">
        <v>458.8</v>
      </c>
      <c r="G300" s="1" t="s">
        <v>6</v>
      </c>
    </row>
    <row r="301" spans="2:14" x14ac:dyDescent="0.35">
      <c r="B301" s="16">
        <v>44504</v>
      </c>
      <c r="C301" s="15">
        <v>44504.681979166664</v>
      </c>
      <c r="D301" s="1">
        <v>200</v>
      </c>
      <c r="E301" s="1">
        <v>12.4</v>
      </c>
      <c r="F301" s="1">
        <v>2480</v>
      </c>
      <c r="G301" s="1" t="s">
        <v>6</v>
      </c>
    </row>
    <row r="302" spans="2:14" x14ac:dyDescent="0.35">
      <c r="B302" s="16">
        <v>44504</v>
      </c>
      <c r="C302" s="15">
        <v>44504.682881944442</v>
      </c>
      <c r="D302" s="1">
        <v>328</v>
      </c>
      <c r="E302" s="1">
        <v>12.4</v>
      </c>
      <c r="F302" s="1">
        <v>4067.2000000000003</v>
      </c>
      <c r="G302" s="1" t="s">
        <v>6</v>
      </c>
    </row>
    <row r="303" spans="2:14" x14ac:dyDescent="0.35">
      <c r="B303" s="16">
        <v>44504</v>
      </c>
      <c r="C303" s="15">
        <v>44504.700104166666</v>
      </c>
      <c r="D303" s="1">
        <v>250</v>
      </c>
      <c r="E303" s="1">
        <v>12.4</v>
      </c>
      <c r="F303" s="1">
        <v>3100</v>
      </c>
      <c r="G303" s="1" t="s">
        <v>6</v>
      </c>
    </row>
    <row r="304" spans="2:14" x14ac:dyDescent="0.35">
      <c r="B304" s="16">
        <v>44504</v>
      </c>
      <c r="C304" s="15">
        <v>44504.700104166666</v>
      </c>
      <c r="D304" s="1">
        <v>229</v>
      </c>
      <c r="E304" s="1">
        <v>12.4</v>
      </c>
      <c r="F304" s="1">
        <v>2839.6</v>
      </c>
      <c r="G304" s="1" t="s">
        <v>6</v>
      </c>
      <c r="N304" s="16"/>
    </row>
    <row r="305" spans="2:7" x14ac:dyDescent="0.35">
      <c r="B305" s="16">
        <v>44504</v>
      </c>
      <c r="C305" s="15">
        <v>44504.700104166666</v>
      </c>
      <c r="D305" s="1">
        <v>52</v>
      </c>
      <c r="E305" s="1">
        <v>12.4</v>
      </c>
      <c r="F305" s="1">
        <v>644.80000000000007</v>
      </c>
      <c r="G305" s="1" t="s">
        <v>6</v>
      </c>
    </row>
    <row r="306" spans="2:7" x14ac:dyDescent="0.35">
      <c r="B306" s="16">
        <v>44504</v>
      </c>
      <c r="C306" s="15">
        <v>44504.700104166666</v>
      </c>
      <c r="D306" s="1">
        <v>43</v>
      </c>
      <c r="E306" s="1">
        <v>12.4</v>
      </c>
      <c r="F306" s="1">
        <v>533.20000000000005</v>
      </c>
      <c r="G306" s="1" t="s">
        <v>6</v>
      </c>
    </row>
    <row r="307" spans="2:7" x14ac:dyDescent="0.35">
      <c r="B307" s="16">
        <v>44504</v>
      </c>
      <c r="C307" s="15">
        <v>44504.70888888889</v>
      </c>
      <c r="D307" s="1">
        <v>549</v>
      </c>
      <c r="E307" s="1">
        <v>12.4</v>
      </c>
      <c r="F307" s="1">
        <v>6807.6</v>
      </c>
      <c r="G307" s="1" t="s">
        <v>6</v>
      </c>
    </row>
    <row r="308" spans="2:7" x14ac:dyDescent="0.35">
      <c r="B308" s="16">
        <v>44504</v>
      </c>
      <c r="C308" s="15">
        <v>44504.70888888889</v>
      </c>
      <c r="D308" s="1">
        <v>31</v>
      </c>
      <c r="E308" s="1">
        <v>12.4</v>
      </c>
      <c r="F308" s="1">
        <v>384.40000000000003</v>
      </c>
      <c r="G308" s="1" t="s">
        <v>6</v>
      </c>
    </row>
    <row r="309" spans="2:7" x14ac:dyDescent="0.35">
      <c r="B309" s="16">
        <v>44504</v>
      </c>
      <c r="C309" s="15">
        <v>44504.717835648145</v>
      </c>
      <c r="D309" s="1">
        <v>60</v>
      </c>
      <c r="E309" s="1">
        <v>12.42</v>
      </c>
      <c r="F309" s="1">
        <v>745.2</v>
      </c>
      <c r="G309" s="1" t="s">
        <v>6</v>
      </c>
    </row>
    <row r="310" spans="2:7" x14ac:dyDescent="0.35">
      <c r="B310" s="16">
        <v>44504</v>
      </c>
      <c r="C310" s="15">
        <v>44504.717835648145</v>
      </c>
      <c r="D310" s="1">
        <v>52</v>
      </c>
      <c r="E310" s="1">
        <v>12.42</v>
      </c>
      <c r="F310" s="1">
        <v>645.84</v>
      </c>
      <c r="G310" s="1" t="s">
        <v>6</v>
      </c>
    </row>
    <row r="311" spans="2:7" x14ac:dyDescent="0.35">
      <c r="B311" s="16">
        <v>44504</v>
      </c>
      <c r="C311" s="15">
        <v>44504.717835648145</v>
      </c>
      <c r="D311" s="1">
        <v>106</v>
      </c>
      <c r="E311" s="1">
        <v>12.42</v>
      </c>
      <c r="F311" s="1">
        <v>1316.52</v>
      </c>
      <c r="G311" s="1" t="s">
        <v>6</v>
      </c>
    </row>
    <row r="312" spans="2:7" x14ac:dyDescent="0.35">
      <c r="B312" s="16">
        <v>44504</v>
      </c>
      <c r="C312" s="15">
        <v>44504.717835648145</v>
      </c>
      <c r="D312" s="1">
        <v>79</v>
      </c>
      <c r="E312" s="1">
        <v>12.42</v>
      </c>
      <c r="F312" s="1">
        <v>981.18</v>
      </c>
      <c r="G312" s="1" t="s">
        <v>6</v>
      </c>
    </row>
    <row r="313" spans="2:7" x14ac:dyDescent="0.35">
      <c r="B313" s="16">
        <v>44504</v>
      </c>
      <c r="C313" s="15">
        <v>44504.722141203703</v>
      </c>
      <c r="D313" s="1">
        <v>11</v>
      </c>
      <c r="E313" s="1">
        <v>12.38</v>
      </c>
      <c r="F313" s="1">
        <v>136.18</v>
      </c>
      <c r="G313" s="1" t="s">
        <v>6</v>
      </c>
    </row>
    <row r="314" spans="2:7" x14ac:dyDescent="0.35">
      <c r="B314" s="16">
        <v>44505</v>
      </c>
      <c r="C314" s="15">
        <v>44505.384722222225</v>
      </c>
      <c r="D314" s="1">
        <v>275</v>
      </c>
      <c r="E314" s="1">
        <v>12.68</v>
      </c>
      <c r="F314" s="1">
        <v>3487</v>
      </c>
      <c r="G314" s="1" t="s">
        <v>6</v>
      </c>
    </row>
    <row r="315" spans="2:7" x14ac:dyDescent="0.35">
      <c r="B315" s="16">
        <v>44505</v>
      </c>
      <c r="C315" s="15">
        <v>44505.388888888891</v>
      </c>
      <c r="D315" s="1">
        <v>900</v>
      </c>
      <c r="E315" s="1">
        <v>12.66</v>
      </c>
      <c r="F315" s="1">
        <v>11394</v>
      </c>
      <c r="G315" s="1" t="s">
        <v>6</v>
      </c>
    </row>
    <row r="316" spans="2:7" x14ac:dyDescent="0.35">
      <c r="B316" s="16">
        <v>44505</v>
      </c>
      <c r="C316" s="15">
        <v>44505.388888888891</v>
      </c>
      <c r="D316" s="1">
        <v>106</v>
      </c>
      <c r="E316" s="1">
        <v>12.66</v>
      </c>
      <c r="F316" s="1">
        <v>1341.96</v>
      </c>
      <c r="G316" s="1" t="s">
        <v>6</v>
      </c>
    </row>
    <row r="317" spans="2:7" x14ac:dyDescent="0.35">
      <c r="B317" s="16">
        <v>44505</v>
      </c>
      <c r="C317" s="15">
        <v>44505.388888888891</v>
      </c>
      <c r="D317" s="1">
        <v>178</v>
      </c>
      <c r="E317" s="1">
        <v>12.66</v>
      </c>
      <c r="F317" s="1">
        <v>2253.48</v>
      </c>
      <c r="G317" s="1" t="s">
        <v>6</v>
      </c>
    </row>
    <row r="318" spans="2:7" x14ac:dyDescent="0.35">
      <c r="B318" s="16">
        <v>44505</v>
      </c>
      <c r="C318" s="15">
        <v>44505.401388888888</v>
      </c>
      <c r="D318" s="1">
        <v>194</v>
      </c>
      <c r="E318" s="1">
        <v>12.74</v>
      </c>
      <c r="F318" s="1">
        <v>2471.56</v>
      </c>
      <c r="G318" s="1" t="s">
        <v>6</v>
      </c>
    </row>
    <row r="319" spans="2:7" x14ac:dyDescent="0.35">
      <c r="B319" s="16">
        <v>44505</v>
      </c>
      <c r="C319" s="15">
        <v>44505.401388888888</v>
      </c>
      <c r="D319" s="1">
        <v>417</v>
      </c>
      <c r="E319" s="1">
        <v>12.74</v>
      </c>
      <c r="F319" s="1">
        <v>5312.58</v>
      </c>
      <c r="G319" s="1" t="s">
        <v>6</v>
      </c>
    </row>
    <row r="320" spans="2:7" x14ac:dyDescent="0.35">
      <c r="B320" s="16">
        <v>44505</v>
      </c>
      <c r="C320" s="15">
        <v>44505.406944444447</v>
      </c>
      <c r="D320" s="1">
        <v>71</v>
      </c>
      <c r="E320" s="1">
        <v>12.74</v>
      </c>
      <c r="F320" s="1">
        <v>904.54</v>
      </c>
      <c r="G320" s="1" t="s">
        <v>6</v>
      </c>
    </row>
    <row r="321" spans="2:7" x14ac:dyDescent="0.35">
      <c r="B321" s="16">
        <v>44505</v>
      </c>
      <c r="C321" s="15">
        <v>44505.406944444447</v>
      </c>
      <c r="D321" s="1">
        <v>131</v>
      </c>
      <c r="E321" s="1">
        <v>12.74</v>
      </c>
      <c r="F321" s="1">
        <v>1668.94</v>
      </c>
      <c r="G321" s="1" t="s">
        <v>6</v>
      </c>
    </row>
    <row r="322" spans="2:7" x14ac:dyDescent="0.35">
      <c r="B322" s="16">
        <v>44505</v>
      </c>
      <c r="C322" s="15">
        <v>44505.42291666667</v>
      </c>
      <c r="D322" s="1">
        <v>226</v>
      </c>
      <c r="E322" s="1">
        <v>12.76</v>
      </c>
      <c r="F322" s="1">
        <v>2883.7599999999998</v>
      </c>
      <c r="G322" s="1" t="s">
        <v>6</v>
      </c>
    </row>
    <row r="323" spans="2:7" x14ac:dyDescent="0.35">
      <c r="B323" s="16">
        <v>44505</v>
      </c>
      <c r="C323" s="15">
        <v>44505.42291666667</v>
      </c>
      <c r="D323" s="1">
        <v>53</v>
      </c>
      <c r="E323" s="1">
        <v>12.76</v>
      </c>
      <c r="F323" s="1">
        <v>676.28</v>
      </c>
      <c r="G323" s="1" t="s">
        <v>6</v>
      </c>
    </row>
    <row r="324" spans="2:7" x14ac:dyDescent="0.35">
      <c r="B324" s="16">
        <v>44505</v>
      </c>
      <c r="C324" s="15">
        <v>44505.42291666667</v>
      </c>
      <c r="D324" s="1">
        <v>99</v>
      </c>
      <c r="E324" s="1">
        <v>12.76</v>
      </c>
      <c r="F324" s="1">
        <v>1263.24</v>
      </c>
      <c r="G324" s="1" t="s">
        <v>6</v>
      </c>
    </row>
    <row r="325" spans="2:7" x14ac:dyDescent="0.35">
      <c r="B325" s="16">
        <v>44505</v>
      </c>
      <c r="C325" s="15">
        <v>44505.42291666667</v>
      </c>
      <c r="D325" s="1">
        <v>174</v>
      </c>
      <c r="E325" s="1">
        <v>12.76</v>
      </c>
      <c r="F325" s="1">
        <v>2220.2399999999998</v>
      </c>
      <c r="G325" s="1" t="s">
        <v>6</v>
      </c>
    </row>
    <row r="326" spans="2:7" x14ac:dyDescent="0.35">
      <c r="B326" s="16">
        <v>44505</v>
      </c>
      <c r="C326" s="15">
        <v>44505.42291666667</v>
      </c>
      <c r="D326" s="1">
        <v>272</v>
      </c>
      <c r="E326" s="1">
        <v>12.76</v>
      </c>
      <c r="F326" s="1">
        <v>3470.72</v>
      </c>
      <c r="G326" s="1" t="s">
        <v>6</v>
      </c>
    </row>
    <row r="327" spans="2:7" x14ac:dyDescent="0.35">
      <c r="B327" s="16">
        <v>44505</v>
      </c>
      <c r="C327" s="15">
        <v>44505.42291666667</v>
      </c>
      <c r="D327" s="1">
        <v>55</v>
      </c>
      <c r="E327" s="1">
        <v>12.76</v>
      </c>
      <c r="F327" s="1">
        <v>701.8</v>
      </c>
      <c r="G327" s="1" t="s">
        <v>6</v>
      </c>
    </row>
    <row r="328" spans="2:7" x14ac:dyDescent="0.35">
      <c r="B328" s="16">
        <v>44505</v>
      </c>
      <c r="C328" s="15">
        <v>44505.42291666667</v>
      </c>
      <c r="D328" s="1">
        <v>234</v>
      </c>
      <c r="E328" s="1">
        <v>12.76</v>
      </c>
      <c r="F328" s="1">
        <v>2985.84</v>
      </c>
      <c r="G328" s="1" t="s">
        <v>6</v>
      </c>
    </row>
    <row r="329" spans="2:7" x14ac:dyDescent="0.35">
      <c r="B329" s="16">
        <v>44505</v>
      </c>
      <c r="C329" s="15">
        <v>44505.443749999999</v>
      </c>
      <c r="D329" s="1">
        <v>93</v>
      </c>
      <c r="E329" s="1">
        <v>12.78</v>
      </c>
      <c r="F329" s="1">
        <v>1188.54</v>
      </c>
      <c r="G329" s="1" t="s">
        <v>6</v>
      </c>
    </row>
    <row r="330" spans="2:7" x14ac:dyDescent="0.35">
      <c r="B330" s="16">
        <v>44505</v>
      </c>
      <c r="C330" s="15">
        <v>44505.445138888892</v>
      </c>
      <c r="D330" s="1">
        <v>244</v>
      </c>
      <c r="E330" s="1">
        <v>12.78</v>
      </c>
      <c r="F330" s="1">
        <v>3118.3199999999997</v>
      </c>
      <c r="G330" s="1" t="s">
        <v>6</v>
      </c>
    </row>
    <row r="331" spans="2:7" x14ac:dyDescent="0.35">
      <c r="B331" s="16">
        <v>44505</v>
      </c>
      <c r="C331" s="15">
        <v>44505.445138888892</v>
      </c>
      <c r="D331" s="1">
        <v>97</v>
      </c>
      <c r="E331" s="1">
        <v>12.78</v>
      </c>
      <c r="F331" s="1">
        <v>1239.6599999999999</v>
      </c>
      <c r="G331" s="1" t="s">
        <v>6</v>
      </c>
    </row>
    <row r="332" spans="2:7" x14ac:dyDescent="0.35">
      <c r="B332" s="16">
        <v>44505</v>
      </c>
      <c r="C332" s="15">
        <v>44505.445138888892</v>
      </c>
      <c r="D332" s="1">
        <v>153</v>
      </c>
      <c r="E332" s="1">
        <v>12.78</v>
      </c>
      <c r="F332" s="1">
        <v>1955.34</v>
      </c>
      <c r="G332" s="1" t="s">
        <v>6</v>
      </c>
    </row>
    <row r="333" spans="2:7" x14ac:dyDescent="0.35">
      <c r="B333" s="16">
        <v>44505</v>
      </c>
      <c r="C333" s="15">
        <v>44505.445138888892</v>
      </c>
      <c r="D333" s="1">
        <v>250</v>
      </c>
      <c r="E333" s="1">
        <v>12.78</v>
      </c>
      <c r="F333" s="1">
        <v>3195</v>
      </c>
      <c r="G333" s="1" t="s">
        <v>6</v>
      </c>
    </row>
    <row r="334" spans="2:7" x14ac:dyDescent="0.35">
      <c r="B334" s="16">
        <v>44505</v>
      </c>
      <c r="C334" s="15">
        <v>44505.445138888892</v>
      </c>
      <c r="D334" s="1">
        <v>91</v>
      </c>
      <c r="E334" s="1">
        <v>12.78</v>
      </c>
      <c r="F334" s="1">
        <v>1162.98</v>
      </c>
      <c r="G334" s="1" t="s">
        <v>6</v>
      </c>
    </row>
    <row r="335" spans="2:7" x14ac:dyDescent="0.35">
      <c r="B335" s="16">
        <v>44505</v>
      </c>
      <c r="C335" s="15">
        <v>44505.445138888892</v>
      </c>
      <c r="D335" s="1">
        <v>73</v>
      </c>
      <c r="E335" s="1">
        <v>12.78</v>
      </c>
      <c r="F335" s="1">
        <v>932.93999999999994</v>
      </c>
      <c r="G335" s="1" t="s">
        <v>6</v>
      </c>
    </row>
    <row r="336" spans="2:7" x14ac:dyDescent="0.35">
      <c r="B336" s="16">
        <v>44505</v>
      </c>
      <c r="C336" s="15">
        <v>44505.459722222222</v>
      </c>
      <c r="D336" s="1">
        <v>32</v>
      </c>
      <c r="E336" s="1">
        <v>12.72</v>
      </c>
      <c r="F336" s="1">
        <v>407.04</v>
      </c>
      <c r="G336" s="1" t="s">
        <v>6</v>
      </c>
    </row>
    <row r="337" spans="2:7" x14ac:dyDescent="0.35">
      <c r="B337" s="16">
        <v>44505</v>
      </c>
      <c r="C337" s="15">
        <v>44505.459722222222</v>
      </c>
      <c r="D337" s="1">
        <v>245</v>
      </c>
      <c r="E337" s="1">
        <v>12.72</v>
      </c>
      <c r="F337" s="1">
        <v>3116.4</v>
      </c>
      <c r="G337" s="1" t="s">
        <v>6</v>
      </c>
    </row>
    <row r="338" spans="2:7" x14ac:dyDescent="0.35">
      <c r="B338" s="16">
        <v>44505</v>
      </c>
      <c r="C338" s="15">
        <v>44505.459722222222</v>
      </c>
      <c r="D338" s="1">
        <v>274</v>
      </c>
      <c r="E338" s="1">
        <v>12.72</v>
      </c>
      <c r="F338" s="1">
        <v>3485.28</v>
      </c>
      <c r="G338" s="1" t="s">
        <v>6</v>
      </c>
    </row>
    <row r="339" spans="2:7" x14ac:dyDescent="0.35">
      <c r="B339" s="16">
        <v>44505</v>
      </c>
      <c r="C339" s="15">
        <v>44505.464583333334</v>
      </c>
      <c r="D339" s="1">
        <v>181</v>
      </c>
      <c r="E339" s="1">
        <v>12.66</v>
      </c>
      <c r="F339" s="1">
        <v>2291.46</v>
      </c>
      <c r="G339" s="1" t="s">
        <v>6</v>
      </c>
    </row>
    <row r="340" spans="2:7" x14ac:dyDescent="0.35">
      <c r="B340" s="16">
        <v>44505</v>
      </c>
      <c r="C340" s="15">
        <v>44505.464583333334</v>
      </c>
      <c r="D340" s="1">
        <v>100</v>
      </c>
      <c r="E340" s="1">
        <v>12.66</v>
      </c>
      <c r="F340" s="1">
        <v>1266</v>
      </c>
      <c r="G340" s="1" t="s">
        <v>6</v>
      </c>
    </row>
    <row r="341" spans="2:7" x14ac:dyDescent="0.35">
      <c r="B341" s="16">
        <v>44505</v>
      </c>
      <c r="C341" s="15">
        <v>44505.486805555556</v>
      </c>
      <c r="D341" s="1">
        <v>85</v>
      </c>
      <c r="E341" s="1">
        <v>12.66</v>
      </c>
      <c r="F341" s="1">
        <v>1076.0999999999999</v>
      </c>
      <c r="G341" s="1" t="s">
        <v>6</v>
      </c>
    </row>
    <row r="342" spans="2:7" x14ac:dyDescent="0.35">
      <c r="B342" s="16">
        <v>44505</v>
      </c>
      <c r="C342" s="15">
        <v>44505.500694444447</v>
      </c>
      <c r="D342" s="1">
        <v>93</v>
      </c>
      <c r="E342" s="1">
        <v>12.68</v>
      </c>
      <c r="F342" s="1">
        <v>1179.24</v>
      </c>
      <c r="G342" s="1" t="s">
        <v>6</v>
      </c>
    </row>
    <row r="343" spans="2:7" x14ac:dyDescent="0.35">
      <c r="B343" s="16">
        <v>44505</v>
      </c>
      <c r="C343" s="15">
        <v>44505.500694444447</v>
      </c>
      <c r="D343" s="1">
        <v>250</v>
      </c>
      <c r="E343" s="1">
        <v>12.68</v>
      </c>
      <c r="F343" s="1">
        <v>3170</v>
      </c>
      <c r="G343" s="1" t="s">
        <v>6</v>
      </c>
    </row>
    <row r="344" spans="2:7" x14ac:dyDescent="0.35">
      <c r="B344" s="16">
        <v>44505</v>
      </c>
      <c r="C344" s="15">
        <v>44505.500694444447</v>
      </c>
      <c r="D344" s="1">
        <v>29</v>
      </c>
      <c r="E344" s="1">
        <v>12.68</v>
      </c>
      <c r="F344" s="1">
        <v>367.71999999999997</v>
      </c>
      <c r="G344" s="1" t="s">
        <v>6</v>
      </c>
    </row>
    <row r="345" spans="2:7" x14ac:dyDescent="0.35">
      <c r="B345" s="16">
        <v>44505</v>
      </c>
      <c r="C345" s="15">
        <v>44505.500694444447</v>
      </c>
      <c r="D345" s="1">
        <v>51</v>
      </c>
      <c r="E345" s="1">
        <v>12.68</v>
      </c>
      <c r="F345" s="1">
        <v>646.67999999999995</v>
      </c>
      <c r="G345" s="1" t="s">
        <v>6</v>
      </c>
    </row>
    <row r="346" spans="2:7" x14ac:dyDescent="0.35">
      <c r="B346" s="16">
        <v>44505</v>
      </c>
      <c r="C346" s="15">
        <v>44505.500694444447</v>
      </c>
      <c r="D346" s="1">
        <v>372</v>
      </c>
      <c r="E346" s="1">
        <v>12.68</v>
      </c>
      <c r="F346" s="1">
        <v>4716.96</v>
      </c>
      <c r="G346" s="1" t="s">
        <v>6</v>
      </c>
    </row>
    <row r="347" spans="2:7" x14ac:dyDescent="0.35">
      <c r="B347" s="16">
        <v>44505</v>
      </c>
      <c r="C347" s="15">
        <v>44505.500694444447</v>
      </c>
      <c r="D347" s="1">
        <v>30</v>
      </c>
      <c r="E347" s="1">
        <v>12.68</v>
      </c>
      <c r="F347" s="1">
        <v>380.4</v>
      </c>
      <c r="G347" s="1" t="s">
        <v>6</v>
      </c>
    </row>
    <row r="348" spans="2:7" x14ac:dyDescent="0.35">
      <c r="B348" s="16">
        <v>44505</v>
      </c>
      <c r="C348" s="15">
        <v>44505.500694444447</v>
      </c>
      <c r="D348" s="1">
        <v>22</v>
      </c>
      <c r="E348" s="1">
        <v>12.68</v>
      </c>
      <c r="F348" s="1">
        <v>278.95999999999998</v>
      </c>
      <c r="G348" s="1" t="s">
        <v>6</v>
      </c>
    </row>
    <row r="349" spans="2:7" x14ac:dyDescent="0.35">
      <c r="B349" s="16">
        <v>44505</v>
      </c>
      <c r="C349" s="15">
        <v>44505.500694444447</v>
      </c>
      <c r="D349" s="1">
        <v>469</v>
      </c>
      <c r="E349" s="1">
        <v>12.68</v>
      </c>
      <c r="F349" s="1">
        <v>5946.92</v>
      </c>
      <c r="G349" s="1" t="s">
        <v>6</v>
      </c>
    </row>
    <row r="350" spans="2:7" x14ac:dyDescent="0.35">
      <c r="B350" s="16">
        <v>44505</v>
      </c>
      <c r="C350" s="15">
        <v>44505.500694444447</v>
      </c>
      <c r="D350" s="1">
        <v>71</v>
      </c>
      <c r="E350" s="1">
        <v>12.68</v>
      </c>
      <c r="F350" s="1">
        <v>900.28</v>
      </c>
      <c r="G350" s="1" t="s">
        <v>6</v>
      </c>
    </row>
    <row r="351" spans="2:7" x14ac:dyDescent="0.35">
      <c r="B351" s="16">
        <v>44505</v>
      </c>
      <c r="C351" s="15">
        <v>44505.517361111109</v>
      </c>
      <c r="D351" s="1">
        <v>71</v>
      </c>
      <c r="E351" s="1">
        <v>12.68</v>
      </c>
      <c r="F351" s="1">
        <v>900.28</v>
      </c>
      <c r="G351" s="1" t="s">
        <v>6</v>
      </c>
    </row>
    <row r="352" spans="2:7" x14ac:dyDescent="0.35">
      <c r="B352" s="16">
        <v>44505</v>
      </c>
      <c r="C352" s="15">
        <v>44505.519444444442</v>
      </c>
      <c r="D352" s="1">
        <v>341</v>
      </c>
      <c r="E352" s="1">
        <v>12.68</v>
      </c>
      <c r="F352" s="1">
        <v>4323.88</v>
      </c>
      <c r="G352" s="1" t="s">
        <v>6</v>
      </c>
    </row>
    <row r="353" spans="2:7" x14ac:dyDescent="0.35">
      <c r="B353" s="16">
        <v>44505</v>
      </c>
      <c r="C353" s="15">
        <v>44505.537499999999</v>
      </c>
      <c r="D353" s="1">
        <v>287</v>
      </c>
      <c r="E353" s="1">
        <v>12.74</v>
      </c>
      <c r="F353" s="1">
        <v>3656.38</v>
      </c>
      <c r="G353" s="1" t="s">
        <v>6</v>
      </c>
    </row>
    <row r="354" spans="2:7" x14ac:dyDescent="0.35">
      <c r="B354" s="16">
        <v>44505</v>
      </c>
      <c r="C354" s="15">
        <v>44505.537499999999</v>
      </c>
      <c r="D354" s="1">
        <v>591</v>
      </c>
      <c r="E354" s="1">
        <v>12.74</v>
      </c>
      <c r="F354" s="1">
        <v>7529.34</v>
      </c>
      <c r="G354" s="1" t="s">
        <v>6</v>
      </c>
    </row>
    <row r="355" spans="2:7" x14ac:dyDescent="0.35">
      <c r="B355" s="16">
        <v>44505</v>
      </c>
      <c r="C355" s="15">
        <v>44505.552777777775</v>
      </c>
      <c r="D355" s="1">
        <v>279</v>
      </c>
      <c r="E355" s="1">
        <v>12.76</v>
      </c>
      <c r="F355" s="1">
        <v>3560.04</v>
      </c>
      <c r="G355" s="1" t="s">
        <v>6</v>
      </c>
    </row>
    <row r="356" spans="2:7" x14ac:dyDescent="0.35">
      <c r="B356" s="16">
        <v>44505</v>
      </c>
      <c r="C356" s="15">
        <v>44505.573611111111</v>
      </c>
      <c r="D356" s="1">
        <v>250</v>
      </c>
      <c r="E356" s="1">
        <v>12.76</v>
      </c>
      <c r="F356" s="1">
        <v>3190</v>
      </c>
      <c r="G356" s="1" t="s">
        <v>6</v>
      </c>
    </row>
    <row r="357" spans="2:7" x14ac:dyDescent="0.35">
      <c r="B357" s="16">
        <v>44505</v>
      </c>
      <c r="C357" s="15">
        <v>44505.573611111111</v>
      </c>
      <c r="D357" s="1">
        <v>182</v>
      </c>
      <c r="E357" s="1">
        <v>12.76</v>
      </c>
      <c r="F357" s="1">
        <v>2322.3200000000002</v>
      </c>
      <c r="G357" s="1" t="s">
        <v>6</v>
      </c>
    </row>
    <row r="358" spans="2:7" x14ac:dyDescent="0.35">
      <c r="B358" s="16">
        <v>44505</v>
      </c>
      <c r="C358" s="15">
        <v>44505.581250000003</v>
      </c>
      <c r="D358" s="1">
        <v>138</v>
      </c>
      <c r="E358" s="1">
        <v>12.76</v>
      </c>
      <c r="F358" s="1">
        <v>1760.8799999999999</v>
      </c>
      <c r="G358" s="1" t="s">
        <v>6</v>
      </c>
    </row>
    <row r="359" spans="2:7" x14ac:dyDescent="0.35">
      <c r="B359" s="16">
        <v>44505</v>
      </c>
      <c r="C359" s="15">
        <v>44505.586111111108</v>
      </c>
      <c r="D359" s="1">
        <v>277</v>
      </c>
      <c r="E359" s="1">
        <v>12.76</v>
      </c>
      <c r="F359" s="1">
        <v>3534.52</v>
      </c>
      <c r="G359" s="1" t="s">
        <v>6</v>
      </c>
    </row>
    <row r="360" spans="2:7" x14ac:dyDescent="0.35">
      <c r="B360" s="16">
        <v>44505</v>
      </c>
      <c r="C360" s="15">
        <v>44505.586111111108</v>
      </c>
      <c r="D360" s="1">
        <v>294</v>
      </c>
      <c r="E360" s="1">
        <v>12.76</v>
      </c>
      <c r="F360" s="1">
        <v>3751.44</v>
      </c>
      <c r="G360" s="1" t="s">
        <v>6</v>
      </c>
    </row>
    <row r="361" spans="2:7" x14ac:dyDescent="0.35">
      <c r="B361" s="16">
        <v>44505</v>
      </c>
      <c r="C361" s="15">
        <v>44505.601388888892</v>
      </c>
      <c r="D361" s="1">
        <v>602</v>
      </c>
      <c r="E361" s="1">
        <v>12.78</v>
      </c>
      <c r="F361" s="1">
        <v>7693.5599999999995</v>
      </c>
      <c r="G361" s="1" t="s">
        <v>6</v>
      </c>
    </row>
    <row r="362" spans="2:7" x14ac:dyDescent="0.35">
      <c r="B362" s="16">
        <v>44505</v>
      </c>
      <c r="C362" s="15">
        <v>44505.618750000001</v>
      </c>
      <c r="D362" s="1">
        <v>277</v>
      </c>
      <c r="E362" s="1">
        <v>12.78</v>
      </c>
      <c r="F362" s="1">
        <v>3540.06</v>
      </c>
      <c r="G362" s="1" t="s">
        <v>6</v>
      </c>
    </row>
    <row r="363" spans="2:7" x14ac:dyDescent="0.35">
      <c r="B363" s="16">
        <v>44505</v>
      </c>
      <c r="C363" s="15">
        <v>44505.619444444441</v>
      </c>
      <c r="D363" s="1">
        <v>361</v>
      </c>
      <c r="E363" s="1">
        <v>12.78</v>
      </c>
      <c r="F363" s="1">
        <v>4613.58</v>
      </c>
      <c r="G363" s="1" t="s">
        <v>6</v>
      </c>
    </row>
    <row r="364" spans="2:7" x14ac:dyDescent="0.35">
      <c r="B364" s="16">
        <v>44505</v>
      </c>
      <c r="C364" s="15">
        <v>44505.619444444441</v>
      </c>
      <c r="D364" s="1">
        <v>286</v>
      </c>
      <c r="E364" s="1">
        <v>12.78</v>
      </c>
      <c r="F364" s="1">
        <v>3655.08</v>
      </c>
      <c r="G364" s="1" t="s">
        <v>6</v>
      </c>
    </row>
    <row r="365" spans="2:7" x14ac:dyDescent="0.35">
      <c r="B365" s="16">
        <v>44505</v>
      </c>
      <c r="C365" s="15">
        <v>44505.619444444441</v>
      </c>
      <c r="D365" s="1">
        <v>326</v>
      </c>
      <c r="E365" s="1">
        <v>12.78</v>
      </c>
      <c r="F365" s="1">
        <v>4166.28</v>
      </c>
      <c r="G365" s="1" t="s">
        <v>6</v>
      </c>
    </row>
    <row r="366" spans="2:7" x14ac:dyDescent="0.35">
      <c r="B366" s="16">
        <v>44505</v>
      </c>
      <c r="C366" s="15">
        <v>44505.638888888891</v>
      </c>
      <c r="D366" s="1">
        <v>16</v>
      </c>
      <c r="E366" s="1">
        <v>12.78</v>
      </c>
      <c r="F366" s="1">
        <v>204.48</v>
      </c>
      <c r="G366" s="1" t="s">
        <v>6</v>
      </c>
    </row>
    <row r="367" spans="2:7" x14ac:dyDescent="0.35">
      <c r="B367" s="16">
        <v>44505</v>
      </c>
      <c r="C367" s="15">
        <v>44505.638888888891</v>
      </c>
      <c r="D367" s="1">
        <v>239</v>
      </c>
      <c r="E367" s="1">
        <v>12.78</v>
      </c>
      <c r="F367" s="1">
        <v>3054.42</v>
      </c>
      <c r="G367" s="1" t="s">
        <v>6</v>
      </c>
    </row>
    <row r="368" spans="2:7" x14ac:dyDescent="0.35">
      <c r="B368" s="16">
        <v>44505</v>
      </c>
      <c r="C368" s="15">
        <v>44505.638888888891</v>
      </c>
      <c r="D368" s="1">
        <v>39</v>
      </c>
      <c r="E368" s="1">
        <v>12.78</v>
      </c>
      <c r="F368" s="1">
        <v>498.41999999999996</v>
      </c>
      <c r="G368" s="1" t="s">
        <v>6</v>
      </c>
    </row>
    <row r="369" spans="2:7" x14ac:dyDescent="0.35">
      <c r="B369" s="16">
        <v>44505</v>
      </c>
      <c r="C369" s="15">
        <v>44505.638888888891</v>
      </c>
      <c r="D369" s="1">
        <v>277</v>
      </c>
      <c r="E369" s="1">
        <v>12.78</v>
      </c>
      <c r="F369" s="1">
        <v>3540.06</v>
      </c>
      <c r="G369" s="1" t="s">
        <v>6</v>
      </c>
    </row>
    <row r="370" spans="2:7" x14ac:dyDescent="0.35">
      <c r="B370" s="16">
        <v>44505</v>
      </c>
      <c r="C370" s="15">
        <v>44505.64166666667</v>
      </c>
      <c r="D370" s="1">
        <v>328</v>
      </c>
      <c r="E370" s="1">
        <v>12.76</v>
      </c>
      <c r="F370" s="1">
        <v>4185.28</v>
      </c>
      <c r="G370" s="1" t="s">
        <v>6</v>
      </c>
    </row>
    <row r="371" spans="2:7" x14ac:dyDescent="0.35">
      <c r="B371" s="16">
        <v>44505</v>
      </c>
      <c r="C371" s="15">
        <v>44505.660416666666</v>
      </c>
      <c r="D371" s="1">
        <v>279</v>
      </c>
      <c r="E371" s="1">
        <v>12.76</v>
      </c>
      <c r="F371" s="1">
        <v>3560.04</v>
      </c>
      <c r="G371" s="1" t="s">
        <v>6</v>
      </c>
    </row>
    <row r="372" spans="2:7" x14ac:dyDescent="0.35">
      <c r="B372" s="16">
        <v>44505</v>
      </c>
      <c r="C372" s="15">
        <v>44505.664583333331</v>
      </c>
      <c r="D372" s="1">
        <v>899</v>
      </c>
      <c r="E372" s="1">
        <v>12.76</v>
      </c>
      <c r="F372" s="1">
        <v>11471.24</v>
      </c>
      <c r="G372" s="1" t="s">
        <v>6</v>
      </c>
    </row>
    <row r="373" spans="2:7" x14ac:dyDescent="0.35">
      <c r="B373" s="16">
        <v>44505</v>
      </c>
      <c r="C373" s="15">
        <v>44505.682638888888</v>
      </c>
      <c r="D373" s="1">
        <v>273</v>
      </c>
      <c r="E373" s="1">
        <v>12.76</v>
      </c>
      <c r="F373" s="1">
        <v>3483.48</v>
      </c>
      <c r="G373" s="1" t="s">
        <v>6</v>
      </c>
    </row>
    <row r="374" spans="2:7" x14ac:dyDescent="0.35">
      <c r="B374" s="16">
        <v>44505</v>
      </c>
      <c r="C374" s="15">
        <v>44505.686111111114</v>
      </c>
      <c r="D374" s="1">
        <v>819</v>
      </c>
      <c r="E374" s="1">
        <v>12.76</v>
      </c>
      <c r="F374" s="1">
        <v>10450.44</v>
      </c>
      <c r="G374" s="1" t="s">
        <v>6</v>
      </c>
    </row>
    <row r="375" spans="2:7" x14ac:dyDescent="0.35">
      <c r="B375" s="16">
        <v>44505</v>
      </c>
      <c r="C375" s="15">
        <v>44505.69027777778</v>
      </c>
      <c r="D375" s="1">
        <v>296</v>
      </c>
      <c r="E375" s="1">
        <v>12.74</v>
      </c>
      <c r="F375" s="1">
        <v>3771.04</v>
      </c>
      <c r="G375" s="1" t="s">
        <v>6</v>
      </c>
    </row>
    <row r="376" spans="2:7" x14ac:dyDescent="0.35">
      <c r="B376" s="16">
        <v>44505</v>
      </c>
      <c r="C376" s="15">
        <v>44505.707638888889</v>
      </c>
      <c r="D376" s="1">
        <v>290</v>
      </c>
      <c r="E376" s="1">
        <v>12.72</v>
      </c>
      <c r="F376" s="1">
        <v>3688.8</v>
      </c>
      <c r="G376" s="1" t="s">
        <v>6</v>
      </c>
    </row>
    <row r="377" spans="2:7" x14ac:dyDescent="0.35">
      <c r="B377" s="16">
        <v>44505</v>
      </c>
      <c r="C377" s="15">
        <v>44505.707638888889</v>
      </c>
      <c r="D377" s="1">
        <v>302</v>
      </c>
      <c r="E377" s="1">
        <v>12.72</v>
      </c>
      <c r="F377" s="1">
        <v>3841.44</v>
      </c>
      <c r="G377" s="1" t="s">
        <v>6</v>
      </c>
    </row>
    <row r="378" spans="2:7" x14ac:dyDescent="0.35">
      <c r="B378" s="16">
        <v>44505</v>
      </c>
      <c r="C378" s="15">
        <v>44505.707638888889</v>
      </c>
      <c r="D378" s="1">
        <v>280</v>
      </c>
      <c r="E378" s="1">
        <v>12.72</v>
      </c>
      <c r="F378" s="1">
        <v>3561.6000000000004</v>
      </c>
      <c r="G378" s="1" t="s">
        <v>6</v>
      </c>
    </row>
    <row r="379" spans="2:7" x14ac:dyDescent="0.35">
      <c r="B379" s="16"/>
      <c r="C379" s="15"/>
    </row>
    <row r="380" spans="2:7" x14ac:dyDescent="0.35">
      <c r="B380" s="16"/>
      <c r="C380" s="15"/>
    </row>
    <row r="381" spans="2:7" x14ac:dyDescent="0.35">
      <c r="B381" s="16"/>
      <c r="C381" s="15"/>
    </row>
    <row r="382" spans="2:7" x14ac:dyDescent="0.35">
      <c r="B382" s="16"/>
      <c r="C382" s="15"/>
    </row>
    <row r="383" spans="2:7" x14ac:dyDescent="0.35">
      <c r="B383" s="16"/>
      <c r="C383" s="15"/>
    </row>
    <row r="384" spans="2:7" x14ac:dyDescent="0.35">
      <c r="B384" s="16"/>
      <c r="C384" s="15"/>
    </row>
    <row r="385" spans="2:3" x14ac:dyDescent="0.35">
      <c r="B385" s="16"/>
      <c r="C385" s="15"/>
    </row>
    <row r="386" spans="2:3" x14ac:dyDescent="0.35">
      <c r="B386" s="16"/>
      <c r="C386" s="15"/>
    </row>
    <row r="387" spans="2:3" x14ac:dyDescent="0.35">
      <c r="B387" s="16"/>
      <c r="C387" s="15"/>
    </row>
    <row r="388" spans="2:3" x14ac:dyDescent="0.35">
      <c r="B388" s="16"/>
      <c r="C388" s="15"/>
    </row>
    <row r="389" spans="2:3" x14ac:dyDescent="0.35">
      <c r="B389" s="16"/>
      <c r="C389" s="15"/>
    </row>
    <row r="390" spans="2:3" x14ac:dyDescent="0.35">
      <c r="B390" s="16"/>
      <c r="C390" s="15"/>
    </row>
    <row r="391" spans="2:3" x14ac:dyDescent="0.35">
      <c r="B391" s="16"/>
      <c r="C391" s="15"/>
    </row>
    <row r="392" spans="2:3" x14ac:dyDescent="0.35">
      <c r="B392" s="16"/>
      <c r="C392" s="15"/>
    </row>
  </sheetData>
  <mergeCells count="2">
    <mergeCell ref="A2:G2"/>
    <mergeCell ref="B10:G10"/>
  </mergeCells>
  <pageMargins left="0.7" right="0.7" top="0.75" bottom="0.75" header="0.3" footer="0.3"/>
  <pageSetup paperSize="9" orientation="portrait" r:id="rId1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393660-5A5C-44D6-99BD-260A2337AF69}">
  <dimension ref="A2:N392"/>
  <sheetViews>
    <sheetView zoomScale="80" zoomScaleNormal="80" workbookViewId="0">
      <selection activeCell="Q7" sqref="Q7"/>
    </sheetView>
  </sheetViews>
  <sheetFormatPr defaultColWidth="9" defaultRowHeight="14.5" x14ac:dyDescent="0.35"/>
  <cols>
    <col min="1" max="1" width="3.58203125" style="1" customWidth="1"/>
    <col min="2" max="2" width="14.33203125" style="1" customWidth="1"/>
    <col min="3" max="3" width="15.25" style="1" bestFit="1" customWidth="1"/>
    <col min="4" max="4" width="10.58203125" style="1" customWidth="1"/>
    <col min="5" max="5" width="10" style="1" customWidth="1"/>
    <col min="6" max="6" width="14.33203125" style="1" customWidth="1"/>
    <col min="7" max="7" width="17.5" style="1" customWidth="1"/>
    <col min="8" max="16384" width="9" style="1"/>
  </cols>
  <sheetData>
    <row r="2" spans="1:12" ht="21" x14ac:dyDescent="0.5">
      <c r="A2" s="73" t="s">
        <v>0</v>
      </c>
      <c r="B2" s="73"/>
      <c r="C2" s="73"/>
      <c r="D2" s="73"/>
      <c r="E2" s="73"/>
      <c r="F2" s="73"/>
      <c r="G2" s="73"/>
    </row>
    <row r="8" spans="1:12" x14ac:dyDescent="0.35">
      <c r="L8"/>
    </row>
    <row r="10" spans="1:12" ht="18.75" customHeight="1" x14ac:dyDescent="0.35">
      <c r="B10" s="74" t="s">
        <v>11</v>
      </c>
      <c r="C10" s="74"/>
      <c r="D10" s="74"/>
      <c r="E10" s="74"/>
      <c r="F10" s="74"/>
      <c r="G10" s="74"/>
    </row>
    <row r="11" spans="1:12" ht="18.75" customHeight="1" x14ac:dyDescent="0.35">
      <c r="B11" s="2" t="s">
        <v>7</v>
      </c>
      <c r="C11" s="2" t="s">
        <v>12</v>
      </c>
      <c r="D11" s="2" t="s">
        <v>13</v>
      </c>
      <c r="E11" s="2" t="s">
        <v>14</v>
      </c>
      <c r="F11" s="2" t="s">
        <v>15</v>
      </c>
      <c r="G11" s="2" t="s">
        <v>16</v>
      </c>
    </row>
    <row r="12" spans="1:12" x14ac:dyDescent="0.35">
      <c r="B12" s="16">
        <v>44494</v>
      </c>
      <c r="C12" s="15">
        <v>44494.379108796296</v>
      </c>
      <c r="D12" s="1">
        <v>330</v>
      </c>
      <c r="E12" s="1">
        <v>13.22</v>
      </c>
      <c r="F12" s="1">
        <v>4362.6000000000004</v>
      </c>
      <c r="G12" s="1" t="s">
        <v>6</v>
      </c>
    </row>
    <row r="13" spans="1:12" x14ac:dyDescent="0.35">
      <c r="B13" s="16">
        <v>44494</v>
      </c>
      <c r="C13" s="15">
        <v>44494.379108796296</v>
      </c>
      <c r="D13" s="1">
        <v>324</v>
      </c>
      <c r="E13" s="1">
        <v>13.24</v>
      </c>
      <c r="F13" s="1">
        <v>4289.76</v>
      </c>
      <c r="G13" s="1" t="s">
        <v>6</v>
      </c>
    </row>
    <row r="14" spans="1:12" x14ac:dyDescent="0.35">
      <c r="B14" s="16">
        <v>44494</v>
      </c>
      <c r="C14" s="15">
        <v>44494.385509259257</v>
      </c>
      <c r="D14" s="1">
        <v>318</v>
      </c>
      <c r="E14" s="1">
        <v>13.26</v>
      </c>
      <c r="F14" s="1">
        <v>4216.68</v>
      </c>
      <c r="G14" s="1" t="s">
        <v>6</v>
      </c>
    </row>
    <row r="15" spans="1:12" x14ac:dyDescent="0.35">
      <c r="B15" s="16">
        <v>44494</v>
      </c>
      <c r="C15" s="15">
        <v>44494.39634259259</v>
      </c>
      <c r="D15" s="1">
        <v>328</v>
      </c>
      <c r="E15" s="1">
        <v>13.22</v>
      </c>
      <c r="F15" s="1">
        <v>4336.16</v>
      </c>
      <c r="G15" s="1" t="s">
        <v>6</v>
      </c>
    </row>
    <row r="16" spans="1:12" x14ac:dyDescent="0.35">
      <c r="B16" s="16">
        <v>44494</v>
      </c>
      <c r="C16" s="15">
        <v>44494.39634259259</v>
      </c>
      <c r="D16" s="1">
        <v>334</v>
      </c>
      <c r="E16" s="1">
        <v>13.24</v>
      </c>
      <c r="F16" s="1">
        <v>4422.16</v>
      </c>
      <c r="G16" s="1" t="s">
        <v>6</v>
      </c>
    </row>
    <row r="17" spans="2:7" x14ac:dyDescent="0.35">
      <c r="B17" s="16">
        <v>44494</v>
      </c>
      <c r="C17" s="15">
        <v>44494.410902777781</v>
      </c>
      <c r="D17" s="1">
        <v>238</v>
      </c>
      <c r="E17" s="1">
        <v>13.22</v>
      </c>
      <c r="F17" s="1">
        <v>3146.36</v>
      </c>
      <c r="G17" s="1" t="s">
        <v>6</v>
      </c>
    </row>
    <row r="18" spans="2:7" x14ac:dyDescent="0.35">
      <c r="B18" s="16">
        <v>44494</v>
      </c>
      <c r="C18" s="15">
        <v>44494.410902777781</v>
      </c>
      <c r="D18" s="1">
        <v>205</v>
      </c>
      <c r="E18" s="1">
        <v>13.22</v>
      </c>
      <c r="F18" s="1">
        <v>2710.1</v>
      </c>
      <c r="G18" s="1" t="s">
        <v>6</v>
      </c>
    </row>
    <row r="19" spans="2:7" x14ac:dyDescent="0.35">
      <c r="B19" s="16">
        <v>44494</v>
      </c>
      <c r="C19" s="15">
        <v>44494.410902777781</v>
      </c>
      <c r="D19" s="1">
        <v>76</v>
      </c>
      <c r="E19" s="1">
        <v>13.22</v>
      </c>
      <c r="F19" s="1">
        <v>1004.72</v>
      </c>
      <c r="G19" s="1" t="s">
        <v>6</v>
      </c>
    </row>
    <row r="20" spans="2:7" x14ac:dyDescent="0.35">
      <c r="B20" s="16">
        <v>44494</v>
      </c>
      <c r="C20" s="15">
        <v>44494.410902777781</v>
      </c>
      <c r="D20" s="1">
        <v>281</v>
      </c>
      <c r="E20" s="1">
        <v>13.22</v>
      </c>
      <c r="F20" s="1">
        <v>3714.82</v>
      </c>
      <c r="G20" s="1" t="s">
        <v>6</v>
      </c>
    </row>
    <row r="21" spans="2:7" x14ac:dyDescent="0.35">
      <c r="B21" s="16">
        <v>44494</v>
      </c>
      <c r="C21" s="15">
        <v>44494.410902777781</v>
      </c>
      <c r="D21" s="1">
        <v>281</v>
      </c>
      <c r="E21" s="1">
        <v>13.22</v>
      </c>
      <c r="F21" s="1">
        <v>3714.82</v>
      </c>
      <c r="G21" s="1" t="s">
        <v>6</v>
      </c>
    </row>
    <row r="22" spans="2:7" x14ac:dyDescent="0.35">
      <c r="B22" s="16">
        <v>44494</v>
      </c>
      <c r="C22" s="15">
        <v>44494.410902777781</v>
      </c>
      <c r="D22" s="1">
        <v>76</v>
      </c>
      <c r="E22" s="1">
        <v>13.22</v>
      </c>
      <c r="F22" s="1">
        <v>1004.72</v>
      </c>
      <c r="G22" s="1" t="s">
        <v>6</v>
      </c>
    </row>
    <row r="23" spans="2:7" x14ac:dyDescent="0.35">
      <c r="B23" s="16">
        <v>44494</v>
      </c>
      <c r="C23" s="15">
        <v>44494.423356481479</v>
      </c>
      <c r="D23" s="1">
        <v>58</v>
      </c>
      <c r="E23" s="1">
        <v>13.24</v>
      </c>
      <c r="F23" s="1">
        <v>767.92</v>
      </c>
      <c r="G23" s="1" t="s">
        <v>6</v>
      </c>
    </row>
    <row r="24" spans="2:7" x14ac:dyDescent="0.35">
      <c r="B24" s="16">
        <v>44494</v>
      </c>
      <c r="C24" s="15">
        <v>44494.423356481479</v>
      </c>
      <c r="D24" s="1">
        <v>262</v>
      </c>
      <c r="E24" s="1">
        <v>13.24</v>
      </c>
      <c r="F24" s="1">
        <v>3468.88</v>
      </c>
      <c r="G24" s="1" t="s">
        <v>6</v>
      </c>
    </row>
    <row r="25" spans="2:7" x14ac:dyDescent="0.35">
      <c r="B25" s="16">
        <v>44494</v>
      </c>
      <c r="C25" s="15">
        <v>44494.443935185183</v>
      </c>
      <c r="D25" s="1">
        <v>189</v>
      </c>
      <c r="E25" s="1">
        <v>13.28</v>
      </c>
      <c r="F25" s="1">
        <v>2509.92</v>
      </c>
      <c r="G25" s="1" t="s">
        <v>6</v>
      </c>
    </row>
    <row r="26" spans="2:7" x14ac:dyDescent="0.35">
      <c r="B26" s="16">
        <v>44494</v>
      </c>
      <c r="C26" s="15">
        <v>44494.443935185183</v>
      </c>
      <c r="D26" s="1">
        <v>12</v>
      </c>
      <c r="E26" s="1">
        <v>13.28</v>
      </c>
      <c r="F26" s="1">
        <v>159.35999999999999</v>
      </c>
      <c r="G26" s="1" t="s">
        <v>6</v>
      </c>
    </row>
    <row r="27" spans="2:7" x14ac:dyDescent="0.35">
      <c r="B27" s="16">
        <v>44494</v>
      </c>
      <c r="C27" s="15">
        <v>44494.443935185183</v>
      </c>
      <c r="D27" s="1">
        <v>84</v>
      </c>
      <c r="E27" s="1">
        <v>13.28</v>
      </c>
      <c r="F27" s="1">
        <v>1115.52</v>
      </c>
      <c r="G27" s="1" t="s">
        <v>6</v>
      </c>
    </row>
    <row r="28" spans="2:7" x14ac:dyDescent="0.35">
      <c r="B28" s="16">
        <v>44494</v>
      </c>
      <c r="C28" s="15">
        <v>44494.444803240738</v>
      </c>
      <c r="D28" s="1">
        <v>124</v>
      </c>
      <c r="E28" s="1">
        <v>13.26</v>
      </c>
      <c r="F28" s="1">
        <v>1644.24</v>
      </c>
      <c r="G28" s="1" t="s">
        <v>6</v>
      </c>
    </row>
    <row r="29" spans="2:7" x14ac:dyDescent="0.35">
      <c r="B29" s="16">
        <v>44494</v>
      </c>
      <c r="C29" s="15">
        <v>44494.453576388885</v>
      </c>
      <c r="D29" s="1">
        <v>54</v>
      </c>
      <c r="E29" s="1">
        <v>13.32</v>
      </c>
      <c r="F29" s="1">
        <v>719.28</v>
      </c>
      <c r="G29" s="1" t="s">
        <v>6</v>
      </c>
    </row>
    <row r="30" spans="2:7" x14ac:dyDescent="0.35">
      <c r="B30" s="16">
        <v>44494</v>
      </c>
      <c r="C30" s="15">
        <v>44494.453576388885</v>
      </c>
      <c r="D30" s="1">
        <v>265</v>
      </c>
      <c r="E30" s="1">
        <v>13.32</v>
      </c>
      <c r="F30" s="1">
        <v>3529.8</v>
      </c>
      <c r="G30" s="1" t="s">
        <v>6</v>
      </c>
    </row>
    <row r="31" spans="2:7" x14ac:dyDescent="0.35">
      <c r="B31" s="16">
        <v>44494</v>
      </c>
      <c r="C31" s="15">
        <v>44494.456909722219</v>
      </c>
      <c r="D31" s="1">
        <v>84</v>
      </c>
      <c r="E31" s="1">
        <v>13.28</v>
      </c>
      <c r="F31" s="1">
        <v>1115.52</v>
      </c>
      <c r="G31" s="1" t="s">
        <v>6</v>
      </c>
    </row>
    <row r="32" spans="2:7" x14ac:dyDescent="0.35">
      <c r="B32" s="16">
        <v>44494</v>
      </c>
      <c r="C32" s="15">
        <v>44494.456909722219</v>
      </c>
      <c r="D32" s="1">
        <v>36</v>
      </c>
      <c r="E32" s="1">
        <v>13.28</v>
      </c>
      <c r="F32" s="1">
        <v>478.08</v>
      </c>
      <c r="G32" s="1" t="s">
        <v>6</v>
      </c>
    </row>
    <row r="33" spans="2:7" x14ac:dyDescent="0.35">
      <c r="B33" s="16">
        <v>44494</v>
      </c>
      <c r="C33" s="15">
        <v>44494.456909722219</v>
      </c>
      <c r="D33" s="1">
        <v>225</v>
      </c>
      <c r="E33" s="1">
        <v>13.28</v>
      </c>
      <c r="F33" s="1">
        <v>2988</v>
      </c>
      <c r="G33" s="1" t="s">
        <v>6</v>
      </c>
    </row>
    <row r="34" spans="2:7" x14ac:dyDescent="0.35">
      <c r="B34" s="16">
        <v>44494</v>
      </c>
      <c r="C34" s="15">
        <v>44494.456909722219</v>
      </c>
      <c r="D34" s="1">
        <v>244</v>
      </c>
      <c r="E34" s="1">
        <v>13.28</v>
      </c>
      <c r="F34" s="1">
        <v>3240.3199999999997</v>
      </c>
      <c r="G34" s="1" t="s">
        <v>6</v>
      </c>
    </row>
    <row r="35" spans="2:7" x14ac:dyDescent="0.35">
      <c r="B35" s="16">
        <v>44494</v>
      </c>
      <c r="C35" s="15">
        <v>44494.456909722219</v>
      </c>
      <c r="D35" s="1">
        <v>250</v>
      </c>
      <c r="E35" s="1">
        <v>13.28</v>
      </c>
      <c r="F35" s="1">
        <v>3320</v>
      </c>
      <c r="G35" s="1" t="s">
        <v>6</v>
      </c>
    </row>
    <row r="36" spans="2:7" x14ac:dyDescent="0.35">
      <c r="B36" s="16">
        <v>44494</v>
      </c>
      <c r="C36" s="15">
        <v>44494.456909722219</v>
      </c>
      <c r="D36" s="1">
        <v>64</v>
      </c>
      <c r="E36" s="1">
        <v>13.28</v>
      </c>
      <c r="F36" s="1">
        <v>849.92</v>
      </c>
      <c r="G36" s="1" t="s">
        <v>6</v>
      </c>
    </row>
    <row r="37" spans="2:7" x14ac:dyDescent="0.35">
      <c r="B37" s="16">
        <v>44494</v>
      </c>
      <c r="C37" s="15">
        <v>44494.504247685189</v>
      </c>
      <c r="D37" s="1">
        <v>84</v>
      </c>
      <c r="E37" s="1">
        <v>13.26</v>
      </c>
      <c r="F37" s="1">
        <v>1113.8399999999999</v>
      </c>
      <c r="G37" s="1" t="s">
        <v>6</v>
      </c>
    </row>
    <row r="38" spans="2:7" x14ac:dyDescent="0.35">
      <c r="B38" s="16">
        <v>44494</v>
      </c>
      <c r="C38" s="15">
        <v>44494.511145833334</v>
      </c>
      <c r="D38" s="1">
        <v>369</v>
      </c>
      <c r="E38" s="1">
        <v>13.26</v>
      </c>
      <c r="F38" s="1">
        <v>4892.9399999999996</v>
      </c>
      <c r="G38" s="1" t="s">
        <v>6</v>
      </c>
    </row>
    <row r="39" spans="2:7" x14ac:dyDescent="0.35">
      <c r="B39" s="16">
        <v>44494</v>
      </c>
      <c r="C39" s="15">
        <v>44494.511145833334</v>
      </c>
      <c r="D39" s="1">
        <v>511</v>
      </c>
      <c r="E39" s="1">
        <v>13.26</v>
      </c>
      <c r="F39" s="1">
        <v>6775.86</v>
      </c>
      <c r="G39" s="1" t="s">
        <v>6</v>
      </c>
    </row>
    <row r="40" spans="2:7" x14ac:dyDescent="0.35">
      <c r="B40" s="16">
        <v>44494</v>
      </c>
      <c r="C40" s="15">
        <v>44494.511145833334</v>
      </c>
      <c r="D40" s="1">
        <v>489</v>
      </c>
      <c r="E40" s="1">
        <v>13.26</v>
      </c>
      <c r="F40" s="1">
        <v>6484.14</v>
      </c>
      <c r="G40" s="1" t="s">
        <v>6</v>
      </c>
    </row>
    <row r="41" spans="2:7" x14ac:dyDescent="0.35">
      <c r="B41" s="16">
        <v>44494</v>
      </c>
      <c r="C41" s="15">
        <v>44494.511145833334</v>
      </c>
      <c r="D41" s="1">
        <v>103</v>
      </c>
      <c r="E41" s="1">
        <v>13.26</v>
      </c>
      <c r="F41" s="1">
        <v>1365.78</v>
      </c>
      <c r="G41" s="1" t="s">
        <v>6</v>
      </c>
    </row>
    <row r="42" spans="2:7" x14ac:dyDescent="0.35">
      <c r="B42" s="16">
        <v>44494</v>
      </c>
      <c r="C42" s="15">
        <v>44494.531539351854</v>
      </c>
      <c r="D42" s="1">
        <v>72</v>
      </c>
      <c r="E42" s="1">
        <v>13.26</v>
      </c>
      <c r="F42" s="1">
        <v>954.72</v>
      </c>
      <c r="G42" s="1" t="s">
        <v>6</v>
      </c>
    </row>
    <row r="43" spans="2:7" x14ac:dyDescent="0.35">
      <c r="B43" s="16">
        <v>44494</v>
      </c>
      <c r="C43" s="15">
        <v>44494.531539351854</v>
      </c>
      <c r="D43" s="1">
        <v>262</v>
      </c>
      <c r="E43" s="1">
        <v>13.26</v>
      </c>
      <c r="F43" s="1">
        <v>3474.12</v>
      </c>
      <c r="G43" s="1" t="s">
        <v>6</v>
      </c>
    </row>
    <row r="44" spans="2:7" x14ac:dyDescent="0.35">
      <c r="B44" s="16">
        <v>44494</v>
      </c>
      <c r="C44" s="15">
        <v>44494.542118055557</v>
      </c>
      <c r="D44" s="1">
        <v>25</v>
      </c>
      <c r="E44" s="1">
        <v>13.26</v>
      </c>
      <c r="F44" s="1">
        <v>331.5</v>
      </c>
      <c r="G44" s="1" t="s">
        <v>6</v>
      </c>
    </row>
    <row r="45" spans="2:7" x14ac:dyDescent="0.35">
      <c r="B45" s="16">
        <v>44494</v>
      </c>
      <c r="C45" s="15">
        <v>44494.542118055557</v>
      </c>
      <c r="D45" s="1">
        <v>262</v>
      </c>
      <c r="E45" s="1">
        <v>13.26</v>
      </c>
      <c r="F45" s="1">
        <v>3474.12</v>
      </c>
      <c r="G45" s="1" t="s">
        <v>6</v>
      </c>
    </row>
    <row r="46" spans="2:7" x14ac:dyDescent="0.35">
      <c r="B46" s="16">
        <v>44494</v>
      </c>
      <c r="C46" s="15">
        <v>44494.542164351849</v>
      </c>
      <c r="D46" s="1">
        <v>248</v>
      </c>
      <c r="E46" s="1">
        <v>13.24</v>
      </c>
      <c r="F46" s="1">
        <v>3283.52</v>
      </c>
      <c r="G46" s="1" t="s">
        <v>6</v>
      </c>
    </row>
    <row r="47" spans="2:7" x14ac:dyDescent="0.35">
      <c r="B47" s="16">
        <v>44494</v>
      </c>
      <c r="C47" s="15">
        <v>44494.542164351849</v>
      </c>
      <c r="D47" s="1">
        <v>216</v>
      </c>
      <c r="E47" s="1">
        <v>13.24</v>
      </c>
      <c r="F47" s="1">
        <v>2859.84</v>
      </c>
      <c r="G47" s="1" t="s">
        <v>6</v>
      </c>
    </row>
    <row r="48" spans="2:7" x14ac:dyDescent="0.35">
      <c r="B48" s="16">
        <v>44494</v>
      </c>
      <c r="C48" s="15">
        <v>44494.542164351849</v>
      </c>
      <c r="D48" s="1">
        <v>28</v>
      </c>
      <c r="E48" s="1">
        <v>13.24</v>
      </c>
      <c r="F48" s="1">
        <v>370.72</v>
      </c>
      <c r="G48" s="1" t="s">
        <v>6</v>
      </c>
    </row>
    <row r="49" spans="2:7" x14ac:dyDescent="0.35">
      <c r="B49" s="16">
        <v>44494</v>
      </c>
      <c r="C49" s="15">
        <v>44494.542164351849</v>
      </c>
      <c r="D49" s="1">
        <v>116</v>
      </c>
      <c r="E49" s="1">
        <v>13.24</v>
      </c>
      <c r="F49" s="1">
        <v>1535.84</v>
      </c>
      <c r="G49" s="1" t="s">
        <v>6</v>
      </c>
    </row>
    <row r="50" spans="2:7" x14ac:dyDescent="0.35">
      <c r="B50" s="16">
        <v>44494</v>
      </c>
      <c r="C50" s="15">
        <v>44494.542164351849</v>
      </c>
      <c r="D50" s="1">
        <v>34</v>
      </c>
      <c r="E50" s="1">
        <v>13.24</v>
      </c>
      <c r="F50" s="1">
        <v>450.16</v>
      </c>
      <c r="G50" s="1" t="s">
        <v>6</v>
      </c>
    </row>
    <row r="51" spans="2:7" x14ac:dyDescent="0.35">
      <c r="B51" s="16">
        <v>44494</v>
      </c>
      <c r="C51" s="15">
        <v>44494.542164351849</v>
      </c>
      <c r="D51" s="1">
        <v>252</v>
      </c>
      <c r="E51" s="1">
        <v>13.24</v>
      </c>
      <c r="F51" s="1">
        <v>3336.48</v>
      </c>
      <c r="G51" s="1" t="s">
        <v>6</v>
      </c>
    </row>
    <row r="52" spans="2:7" x14ac:dyDescent="0.35">
      <c r="B52" s="16">
        <v>44494</v>
      </c>
      <c r="C52" s="15">
        <v>44494.578796296293</v>
      </c>
      <c r="D52" s="1">
        <v>2</v>
      </c>
      <c r="E52" s="1">
        <v>13.22</v>
      </c>
      <c r="F52" s="1">
        <v>26.44</v>
      </c>
      <c r="G52" s="1" t="s">
        <v>6</v>
      </c>
    </row>
    <row r="53" spans="2:7" x14ac:dyDescent="0.35">
      <c r="B53" s="16">
        <v>44494</v>
      </c>
      <c r="C53" s="15">
        <v>44494.578796296293</v>
      </c>
      <c r="D53" s="1">
        <v>300</v>
      </c>
      <c r="E53" s="1">
        <v>13.22</v>
      </c>
      <c r="F53" s="1">
        <v>3966</v>
      </c>
      <c r="G53" s="1" t="s">
        <v>6</v>
      </c>
    </row>
    <row r="54" spans="2:7" x14ac:dyDescent="0.35">
      <c r="B54" s="16">
        <v>44494</v>
      </c>
      <c r="C54" s="15">
        <v>44494.584178240744</v>
      </c>
      <c r="D54" s="1">
        <v>276</v>
      </c>
      <c r="E54" s="1">
        <v>13.18</v>
      </c>
      <c r="F54" s="1">
        <v>3637.68</v>
      </c>
      <c r="G54" s="1" t="s">
        <v>6</v>
      </c>
    </row>
    <row r="55" spans="2:7" x14ac:dyDescent="0.35">
      <c r="B55" s="16">
        <v>44494</v>
      </c>
      <c r="C55" s="15">
        <v>44494.584178240744</v>
      </c>
      <c r="D55" s="1">
        <v>276</v>
      </c>
      <c r="E55" s="1">
        <v>13.18</v>
      </c>
      <c r="F55" s="1">
        <v>3637.68</v>
      </c>
      <c r="G55" s="1" t="s">
        <v>6</v>
      </c>
    </row>
    <row r="56" spans="2:7" x14ac:dyDescent="0.35">
      <c r="B56" s="16">
        <v>44494</v>
      </c>
      <c r="C56" s="15">
        <v>44494.584178240744</v>
      </c>
      <c r="D56" s="1">
        <v>276</v>
      </c>
      <c r="E56" s="1">
        <v>13.18</v>
      </c>
      <c r="F56" s="1">
        <v>3637.68</v>
      </c>
      <c r="G56" s="1" t="s">
        <v>6</v>
      </c>
    </row>
    <row r="57" spans="2:7" x14ac:dyDescent="0.35">
      <c r="B57" s="16">
        <v>44494</v>
      </c>
      <c r="C57" s="15">
        <v>44494.609432870369</v>
      </c>
      <c r="D57" s="1">
        <v>278</v>
      </c>
      <c r="E57" s="1">
        <v>13.28</v>
      </c>
      <c r="F57" s="1">
        <v>3691.8399999999997</v>
      </c>
      <c r="G57" s="1" t="s">
        <v>6</v>
      </c>
    </row>
    <row r="58" spans="2:7" x14ac:dyDescent="0.35">
      <c r="B58" s="16">
        <v>44494</v>
      </c>
      <c r="C58" s="15">
        <v>44494.609432870369</v>
      </c>
      <c r="D58" s="1">
        <v>304</v>
      </c>
      <c r="E58" s="1">
        <v>13.28</v>
      </c>
      <c r="F58" s="1">
        <v>4037.12</v>
      </c>
      <c r="G58" s="1" t="s">
        <v>6</v>
      </c>
    </row>
    <row r="59" spans="2:7" x14ac:dyDescent="0.35">
      <c r="B59" s="16">
        <v>44494</v>
      </c>
      <c r="C59" s="15">
        <v>44494.609432870369</v>
      </c>
      <c r="D59" s="1">
        <v>322</v>
      </c>
      <c r="E59" s="1">
        <v>13.3</v>
      </c>
      <c r="F59" s="1">
        <v>4282.6000000000004</v>
      </c>
      <c r="G59" s="1" t="s">
        <v>6</v>
      </c>
    </row>
    <row r="60" spans="2:7" x14ac:dyDescent="0.35">
      <c r="B60" s="16">
        <v>44494</v>
      </c>
      <c r="C60" s="15">
        <v>44494.615300925929</v>
      </c>
      <c r="D60" s="1">
        <v>92</v>
      </c>
      <c r="E60" s="1">
        <v>13.32</v>
      </c>
      <c r="F60" s="1">
        <v>1225.44</v>
      </c>
      <c r="G60" s="1" t="s">
        <v>6</v>
      </c>
    </row>
    <row r="61" spans="2:7" x14ac:dyDescent="0.35">
      <c r="B61" s="16">
        <v>44494</v>
      </c>
      <c r="C61" s="15">
        <v>44494.615300925929</v>
      </c>
      <c r="D61" s="1">
        <v>29</v>
      </c>
      <c r="E61" s="1">
        <v>13.32</v>
      </c>
      <c r="F61" s="1">
        <v>386.28000000000003</v>
      </c>
      <c r="G61" s="1" t="s">
        <v>6</v>
      </c>
    </row>
    <row r="62" spans="2:7" x14ac:dyDescent="0.35">
      <c r="B62" s="16">
        <v>44494</v>
      </c>
      <c r="C62" s="15">
        <v>44494.615300925929</v>
      </c>
      <c r="D62" s="1">
        <v>153</v>
      </c>
      <c r="E62" s="1">
        <v>13.32</v>
      </c>
      <c r="F62" s="1">
        <v>2037.96</v>
      </c>
      <c r="G62" s="1" t="s">
        <v>6</v>
      </c>
    </row>
    <row r="63" spans="2:7" x14ac:dyDescent="0.35">
      <c r="B63" s="16">
        <v>44494</v>
      </c>
      <c r="C63" s="15">
        <v>44494.622372685182</v>
      </c>
      <c r="D63" s="1">
        <v>326</v>
      </c>
      <c r="E63" s="1">
        <v>13.32</v>
      </c>
      <c r="F63" s="1">
        <v>4342.32</v>
      </c>
      <c r="G63" s="1" t="s">
        <v>6</v>
      </c>
    </row>
    <row r="64" spans="2:7" x14ac:dyDescent="0.35">
      <c r="B64" s="16">
        <v>44494</v>
      </c>
      <c r="C64" s="15">
        <v>44494.6487037037</v>
      </c>
      <c r="D64" s="1">
        <v>159</v>
      </c>
      <c r="E64" s="1">
        <v>13.32</v>
      </c>
      <c r="F64" s="1">
        <v>2117.88</v>
      </c>
      <c r="G64" s="1" t="s">
        <v>6</v>
      </c>
    </row>
    <row r="65" spans="2:7" x14ac:dyDescent="0.35">
      <c r="B65" s="16">
        <v>44494</v>
      </c>
      <c r="C65" s="15">
        <v>44494.6487037037</v>
      </c>
      <c r="D65" s="1">
        <v>877</v>
      </c>
      <c r="E65" s="1">
        <v>13.32</v>
      </c>
      <c r="F65" s="1">
        <v>11681.64</v>
      </c>
      <c r="G65" s="1" t="s">
        <v>6</v>
      </c>
    </row>
    <row r="66" spans="2:7" x14ac:dyDescent="0.35">
      <c r="B66" s="16">
        <v>44494</v>
      </c>
      <c r="C66" s="15">
        <v>44494.6487037037</v>
      </c>
      <c r="D66" s="1">
        <v>118</v>
      </c>
      <c r="E66" s="1">
        <v>13.32</v>
      </c>
      <c r="F66" s="1">
        <v>1571.76</v>
      </c>
      <c r="G66" s="1" t="s">
        <v>6</v>
      </c>
    </row>
    <row r="67" spans="2:7" x14ac:dyDescent="0.35">
      <c r="B67" s="16">
        <v>44494</v>
      </c>
      <c r="C67" s="15">
        <v>44494.663842592592</v>
      </c>
      <c r="D67" s="1">
        <v>335</v>
      </c>
      <c r="E67" s="1">
        <v>13.3</v>
      </c>
      <c r="F67" s="1">
        <v>4455.5</v>
      </c>
      <c r="G67" s="1" t="s">
        <v>6</v>
      </c>
    </row>
    <row r="68" spans="2:7" x14ac:dyDescent="0.35">
      <c r="B68" s="16">
        <v>44494</v>
      </c>
      <c r="C68" s="15">
        <v>44494.669282407405</v>
      </c>
      <c r="D68" s="1">
        <v>253</v>
      </c>
      <c r="E68" s="1">
        <v>13.3</v>
      </c>
      <c r="F68" s="1">
        <v>3364.9</v>
      </c>
      <c r="G68" s="1" t="s">
        <v>6</v>
      </c>
    </row>
    <row r="69" spans="2:7" x14ac:dyDescent="0.35">
      <c r="B69" s="16">
        <v>44494</v>
      </c>
      <c r="C69" s="15">
        <v>44494.669282407405</v>
      </c>
      <c r="D69" s="1">
        <v>29</v>
      </c>
      <c r="E69" s="1">
        <v>13.3</v>
      </c>
      <c r="F69" s="1">
        <v>385.70000000000005</v>
      </c>
      <c r="G69" s="1" t="s">
        <v>6</v>
      </c>
    </row>
    <row r="70" spans="2:7" x14ac:dyDescent="0.35">
      <c r="B70" s="16">
        <v>44494</v>
      </c>
      <c r="C70" s="15">
        <v>44494.674571759257</v>
      </c>
      <c r="D70" s="1">
        <v>296</v>
      </c>
      <c r="E70" s="1">
        <v>13.3</v>
      </c>
      <c r="F70" s="1">
        <v>3936.8</v>
      </c>
      <c r="G70" s="1" t="s">
        <v>6</v>
      </c>
    </row>
    <row r="71" spans="2:7" x14ac:dyDescent="0.35">
      <c r="B71" s="16">
        <v>44494</v>
      </c>
      <c r="C71" s="15">
        <v>44494.675000000003</v>
      </c>
      <c r="D71" s="1">
        <v>70</v>
      </c>
      <c r="E71" s="1">
        <v>13.28</v>
      </c>
      <c r="F71" s="1">
        <v>929.59999999999991</v>
      </c>
      <c r="G71" s="1" t="s">
        <v>6</v>
      </c>
    </row>
    <row r="72" spans="2:7" x14ac:dyDescent="0.35">
      <c r="B72" s="16">
        <v>44494</v>
      </c>
      <c r="C72" s="15">
        <v>44494.675000000003</v>
      </c>
      <c r="D72" s="1">
        <v>250</v>
      </c>
      <c r="E72" s="1">
        <v>13.28</v>
      </c>
      <c r="F72" s="1">
        <v>3320</v>
      </c>
      <c r="G72" s="1" t="s">
        <v>6</v>
      </c>
    </row>
    <row r="73" spans="2:7" x14ac:dyDescent="0.35">
      <c r="B73" s="16">
        <v>44494</v>
      </c>
      <c r="C73" s="15">
        <v>44494.675000000003</v>
      </c>
      <c r="D73" s="1">
        <v>291</v>
      </c>
      <c r="E73" s="1">
        <v>13.28</v>
      </c>
      <c r="F73" s="1">
        <v>3864.48</v>
      </c>
      <c r="G73" s="1" t="s">
        <v>6</v>
      </c>
    </row>
    <row r="74" spans="2:7" x14ac:dyDescent="0.35">
      <c r="B74" s="16">
        <v>44494</v>
      </c>
      <c r="C74" s="15">
        <v>44494.690625000003</v>
      </c>
      <c r="D74" s="1">
        <v>313</v>
      </c>
      <c r="E74" s="1">
        <v>13.28</v>
      </c>
      <c r="F74" s="1">
        <v>4156.6399999999994</v>
      </c>
      <c r="G74" s="1" t="s">
        <v>6</v>
      </c>
    </row>
    <row r="75" spans="2:7" x14ac:dyDescent="0.35">
      <c r="B75" s="16">
        <v>44494</v>
      </c>
      <c r="C75" s="15">
        <v>44494.693784722222</v>
      </c>
      <c r="D75" s="1">
        <v>895</v>
      </c>
      <c r="E75" s="1">
        <v>13.28</v>
      </c>
      <c r="F75" s="1">
        <v>11885.599999999999</v>
      </c>
      <c r="G75" s="1" t="s">
        <v>6</v>
      </c>
    </row>
    <row r="76" spans="2:7" x14ac:dyDescent="0.35">
      <c r="B76" s="16">
        <v>44494</v>
      </c>
      <c r="C76" s="15">
        <v>44494.699918981481</v>
      </c>
      <c r="D76" s="1">
        <v>282</v>
      </c>
      <c r="E76" s="1">
        <v>13.26</v>
      </c>
      <c r="F76" s="1">
        <v>3739.32</v>
      </c>
      <c r="G76" s="1" t="s">
        <v>6</v>
      </c>
    </row>
    <row r="77" spans="2:7" x14ac:dyDescent="0.35">
      <c r="B77" s="16">
        <v>44494</v>
      </c>
      <c r="C77" s="15">
        <v>44494.713692129626</v>
      </c>
      <c r="D77" s="1">
        <v>279</v>
      </c>
      <c r="E77" s="1">
        <v>13.24</v>
      </c>
      <c r="F77" s="1">
        <v>3693.96</v>
      </c>
      <c r="G77" s="1" t="s">
        <v>6</v>
      </c>
    </row>
    <row r="78" spans="2:7" x14ac:dyDescent="0.35">
      <c r="B78" s="16">
        <v>44494</v>
      </c>
      <c r="C78" s="15">
        <v>44494.713692129626</v>
      </c>
      <c r="D78" s="1">
        <v>275</v>
      </c>
      <c r="E78" s="1">
        <v>13.24</v>
      </c>
      <c r="F78" s="1">
        <v>3641</v>
      </c>
      <c r="G78" s="1" t="s">
        <v>6</v>
      </c>
    </row>
    <row r="79" spans="2:7" x14ac:dyDescent="0.35">
      <c r="B79" s="16">
        <v>44494</v>
      </c>
      <c r="C79" s="15">
        <v>44494.716053240743</v>
      </c>
      <c r="D79" s="1">
        <v>65</v>
      </c>
      <c r="E79" s="1">
        <v>13.24</v>
      </c>
      <c r="F79" s="1">
        <v>860.6</v>
      </c>
      <c r="G79" s="1" t="s">
        <v>6</v>
      </c>
    </row>
    <row r="80" spans="2:7" x14ac:dyDescent="0.35">
      <c r="B80" s="16">
        <v>44494</v>
      </c>
      <c r="C80" s="15">
        <v>44494.716064814813</v>
      </c>
      <c r="D80" s="1">
        <v>266</v>
      </c>
      <c r="E80" s="1">
        <v>13.24</v>
      </c>
      <c r="F80" s="1">
        <v>3521.84</v>
      </c>
      <c r="G80" s="1" t="s">
        <v>6</v>
      </c>
    </row>
    <row r="81" spans="2:7" x14ac:dyDescent="0.35">
      <c r="B81" s="16">
        <v>44495</v>
      </c>
      <c r="C81" s="15">
        <v>44495.383206018516</v>
      </c>
      <c r="D81" s="1">
        <v>292</v>
      </c>
      <c r="E81" s="1">
        <v>13.24</v>
      </c>
      <c r="F81" s="1">
        <v>3866.08</v>
      </c>
      <c r="G81" s="1" t="s">
        <v>6</v>
      </c>
    </row>
    <row r="82" spans="2:7" x14ac:dyDescent="0.35">
      <c r="B82" s="16">
        <v>44495</v>
      </c>
      <c r="C82" s="15">
        <v>44495.383206018516</v>
      </c>
      <c r="D82" s="1">
        <v>418</v>
      </c>
      <c r="E82" s="1">
        <v>13.24</v>
      </c>
      <c r="F82" s="1">
        <v>5534.32</v>
      </c>
      <c r="G82" s="1" t="s">
        <v>6</v>
      </c>
    </row>
    <row r="83" spans="2:7" x14ac:dyDescent="0.35">
      <c r="B83" s="16">
        <v>44495</v>
      </c>
      <c r="C83" s="15">
        <v>44495.383206018516</v>
      </c>
      <c r="D83" s="1">
        <v>180</v>
      </c>
      <c r="E83" s="1">
        <v>13.24</v>
      </c>
      <c r="F83" s="1">
        <v>2383.1999999999998</v>
      </c>
      <c r="G83" s="1" t="s">
        <v>6</v>
      </c>
    </row>
    <row r="84" spans="2:7" x14ac:dyDescent="0.35">
      <c r="B84" s="16">
        <v>44495</v>
      </c>
      <c r="C84" s="15">
        <v>44495.383206018516</v>
      </c>
      <c r="D84" s="1">
        <v>301</v>
      </c>
      <c r="E84" s="1">
        <v>13.24</v>
      </c>
      <c r="F84" s="1">
        <v>3985.2400000000002</v>
      </c>
      <c r="G84" s="1" t="s">
        <v>6</v>
      </c>
    </row>
    <row r="85" spans="2:7" x14ac:dyDescent="0.35">
      <c r="B85" s="16">
        <v>44495</v>
      </c>
      <c r="C85" s="15">
        <v>44495.403078703705</v>
      </c>
      <c r="D85" s="1">
        <v>241</v>
      </c>
      <c r="E85" s="1">
        <v>13.32</v>
      </c>
      <c r="F85" s="1">
        <v>3210.12</v>
      </c>
      <c r="G85" s="1" t="s">
        <v>6</v>
      </c>
    </row>
    <row r="86" spans="2:7" x14ac:dyDescent="0.35">
      <c r="B86" s="16">
        <v>44495</v>
      </c>
      <c r="C86" s="15">
        <v>44495.407395833332</v>
      </c>
      <c r="D86" s="1">
        <v>9</v>
      </c>
      <c r="E86" s="1">
        <v>13.32</v>
      </c>
      <c r="F86" s="1">
        <v>119.88</v>
      </c>
      <c r="G86" s="1" t="s">
        <v>6</v>
      </c>
    </row>
    <row r="87" spans="2:7" x14ac:dyDescent="0.35">
      <c r="B87" s="16">
        <v>44495</v>
      </c>
      <c r="C87" s="15">
        <v>44495.40766203704</v>
      </c>
      <c r="D87" s="1">
        <v>289</v>
      </c>
      <c r="E87" s="1">
        <v>13.32</v>
      </c>
      <c r="F87" s="1">
        <v>3849.48</v>
      </c>
      <c r="G87" s="1" t="s">
        <v>6</v>
      </c>
    </row>
    <row r="88" spans="2:7" x14ac:dyDescent="0.35">
      <c r="B88" s="16">
        <v>44495</v>
      </c>
      <c r="C88" s="15">
        <v>44495.414421296293</v>
      </c>
      <c r="D88" s="1">
        <v>2</v>
      </c>
      <c r="E88" s="1">
        <v>13.32</v>
      </c>
      <c r="F88" s="1">
        <v>26.64</v>
      </c>
      <c r="G88" s="1" t="s">
        <v>6</v>
      </c>
    </row>
    <row r="89" spans="2:7" x14ac:dyDescent="0.35">
      <c r="B89" s="16">
        <v>44495</v>
      </c>
      <c r="C89" s="15">
        <v>44495.415324074071</v>
      </c>
      <c r="D89" s="1">
        <v>178</v>
      </c>
      <c r="E89" s="1">
        <v>13.32</v>
      </c>
      <c r="F89" s="1">
        <v>2370.96</v>
      </c>
      <c r="G89" s="1" t="s">
        <v>6</v>
      </c>
    </row>
    <row r="90" spans="2:7" x14ac:dyDescent="0.35">
      <c r="B90" s="16">
        <v>44495</v>
      </c>
      <c r="C90" s="15">
        <v>44495.415324074071</v>
      </c>
      <c r="D90" s="1">
        <v>204</v>
      </c>
      <c r="E90" s="1">
        <v>13.32</v>
      </c>
      <c r="F90" s="1">
        <v>2717.28</v>
      </c>
      <c r="G90" s="1" t="s">
        <v>6</v>
      </c>
    </row>
    <row r="91" spans="2:7" x14ac:dyDescent="0.35">
      <c r="B91" s="16">
        <v>44495</v>
      </c>
      <c r="C91" s="15">
        <v>44495.415324074071</v>
      </c>
      <c r="D91" s="1">
        <v>404</v>
      </c>
      <c r="E91" s="1">
        <v>13.32</v>
      </c>
      <c r="F91" s="1">
        <v>5381.28</v>
      </c>
      <c r="G91" s="1" t="s">
        <v>6</v>
      </c>
    </row>
    <row r="92" spans="2:7" x14ac:dyDescent="0.35">
      <c r="B92" s="16">
        <v>44495</v>
      </c>
      <c r="C92" s="15">
        <v>44495.415324074071</v>
      </c>
      <c r="D92" s="1">
        <v>72</v>
      </c>
      <c r="E92" s="1">
        <v>13.32</v>
      </c>
      <c r="F92" s="1">
        <v>959.04</v>
      </c>
      <c r="G92" s="1" t="s">
        <v>6</v>
      </c>
    </row>
    <row r="93" spans="2:7" x14ac:dyDescent="0.35">
      <c r="B93" s="16">
        <v>44495</v>
      </c>
      <c r="C93" s="15">
        <v>44495.415324074071</v>
      </c>
      <c r="D93" s="1">
        <v>276</v>
      </c>
      <c r="E93" s="1">
        <v>13.32</v>
      </c>
      <c r="F93" s="1">
        <v>3676.32</v>
      </c>
      <c r="G93" s="1" t="s">
        <v>6</v>
      </c>
    </row>
    <row r="94" spans="2:7" x14ac:dyDescent="0.35">
      <c r="B94" s="16">
        <v>44495</v>
      </c>
      <c r="C94" s="15">
        <v>44495.42690972222</v>
      </c>
      <c r="D94" s="1">
        <v>324</v>
      </c>
      <c r="E94" s="1">
        <v>13.3</v>
      </c>
      <c r="F94" s="1">
        <v>4309.2</v>
      </c>
      <c r="G94" s="1" t="s">
        <v>6</v>
      </c>
    </row>
    <row r="95" spans="2:7" x14ac:dyDescent="0.35">
      <c r="B95" s="16">
        <v>44495</v>
      </c>
      <c r="C95" s="15">
        <v>44495.446493055555</v>
      </c>
      <c r="D95" s="1">
        <v>105</v>
      </c>
      <c r="E95" s="1">
        <v>13.3</v>
      </c>
      <c r="F95" s="1">
        <v>1396.5</v>
      </c>
      <c r="G95" s="1" t="s">
        <v>6</v>
      </c>
    </row>
    <row r="96" spans="2:7" x14ac:dyDescent="0.35">
      <c r="B96" s="16">
        <v>44495</v>
      </c>
      <c r="C96" s="15">
        <v>44495.446504629632</v>
      </c>
      <c r="D96" s="1">
        <v>188</v>
      </c>
      <c r="E96" s="1">
        <v>13.3</v>
      </c>
      <c r="F96" s="1">
        <v>2500.4</v>
      </c>
      <c r="G96" s="1" t="s">
        <v>6</v>
      </c>
    </row>
    <row r="97" spans="2:7" x14ac:dyDescent="0.35">
      <c r="B97" s="16">
        <v>44495</v>
      </c>
      <c r="C97" s="15">
        <v>44495.453263888892</v>
      </c>
      <c r="D97" s="1">
        <v>7</v>
      </c>
      <c r="E97" s="1">
        <v>13.32</v>
      </c>
      <c r="F97" s="1">
        <v>93.240000000000009</v>
      </c>
      <c r="G97" s="1" t="s">
        <v>6</v>
      </c>
    </row>
    <row r="98" spans="2:7" x14ac:dyDescent="0.35">
      <c r="B98" s="16">
        <v>44495</v>
      </c>
      <c r="C98" s="15">
        <v>44495.453263888892</v>
      </c>
      <c r="D98" s="1">
        <v>250</v>
      </c>
      <c r="E98" s="1">
        <v>13.32</v>
      </c>
      <c r="F98" s="1">
        <v>3330</v>
      </c>
      <c r="G98" s="1" t="s">
        <v>6</v>
      </c>
    </row>
    <row r="99" spans="2:7" x14ac:dyDescent="0.35">
      <c r="B99" s="16">
        <v>44495</v>
      </c>
      <c r="C99" s="15">
        <v>44495.453263888892</v>
      </c>
      <c r="D99" s="1">
        <v>45</v>
      </c>
      <c r="E99" s="1">
        <v>13.32</v>
      </c>
      <c r="F99" s="1">
        <v>599.4</v>
      </c>
      <c r="G99" s="1" t="s">
        <v>6</v>
      </c>
    </row>
    <row r="100" spans="2:7" x14ac:dyDescent="0.35">
      <c r="B100" s="16">
        <v>44495</v>
      </c>
      <c r="C100" s="15">
        <v>44495.460787037038</v>
      </c>
      <c r="D100" s="1">
        <v>310</v>
      </c>
      <c r="E100" s="1">
        <v>13.3</v>
      </c>
      <c r="F100" s="1">
        <v>4123</v>
      </c>
      <c r="G100" s="1" t="s">
        <v>6</v>
      </c>
    </row>
    <row r="101" spans="2:7" x14ac:dyDescent="0.35">
      <c r="B101" s="16">
        <v>44495</v>
      </c>
      <c r="C101" s="15">
        <v>44495.460798611108</v>
      </c>
      <c r="D101" s="1">
        <v>611</v>
      </c>
      <c r="E101" s="1">
        <v>13.28</v>
      </c>
      <c r="F101" s="1">
        <v>8114.08</v>
      </c>
      <c r="G101" s="1" t="s">
        <v>6</v>
      </c>
    </row>
    <row r="102" spans="2:7" x14ac:dyDescent="0.35">
      <c r="B102" s="16">
        <v>44495</v>
      </c>
      <c r="C102" s="15">
        <v>44495.460798611108</v>
      </c>
      <c r="D102" s="1">
        <v>281</v>
      </c>
      <c r="E102" s="1">
        <v>13.28</v>
      </c>
      <c r="F102" s="1">
        <v>3731.68</v>
      </c>
      <c r="G102" s="1" t="s">
        <v>6</v>
      </c>
    </row>
    <row r="103" spans="2:7" x14ac:dyDescent="0.35">
      <c r="B103" s="16">
        <v>44495</v>
      </c>
      <c r="C103" s="15">
        <v>44495.493449074071</v>
      </c>
      <c r="D103" s="1">
        <v>329</v>
      </c>
      <c r="E103" s="1">
        <v>13.28</v>
      </c>
      <c r="F103" s="1">
        <v>4369.12</v>
      </c>
      <c r="G103" s="1" t="s">
        <v>6</v>
      </c>
    </row>
    <row r="104" spans="2:7" x14ac:dyDescent="0.35">
      <c r="B104" s="16">
        <v>44495</v>
      </c>
      <c r="C104" s="15">
        <v>44495.504849537036</v>
      </c>
      <c r="D104" s="1">
        <v>6</v>
      </c>
      <c r="E104" s="1">
        <v>13.28</v>
      </c>
      <c r="F104" s="1">
        <v>79.679999999999993</v>
      </c>
      <c r="G104" s="1" t="s">
        <v>6</v>
      </c>
    </row>
    <row r="105" spans="2:7" x14ac:dyDescent="0.35">
      <c r="B105" s="16">
        <v>44495</v>
      </c>
      <c r="C105" s="15">
        <v>44495.505543981482</v>
      </c>
      <c r="D105" s="1">
        <v>4</v>
      </c>
      <c r="E105" s="1">
        <v>13.28</v>
      </c>
      <c r="F105" s="1">
        <v>53.12</v>
      </c>
      <c r="G105" s="1" t="s">
        <v>6</v>
      </c>
    </row>
    <row r="106" spans="2:7" x14ac:dyDescent="0.35">
      <c r="B106" s="16">
        <v>44495</v>
      </c>
      <c r="C106" s="15">
        <v>44495.506076388891</v>
      </c>
      <c r="D106" s="1">
        <v>321</v>
      </c>
      <c r="E106" s="1">
        <v>13.3</v>
      </c>
      <c r="F106" s="1">
        <v>4269.3</v>
      </c>
      <c r="G106" s="1" t="s">
        <v>6</v>
      </c>
    </row>
    <row r="107" spans="2:7" x14ac:dyDescent="0.35">
      <c r="B107" s="16">
        <v>44495</v>
      </c>
      <c r="C107" s="15">
        <v>44495.510520833333</v>
      </c>
      <c r="D107" s="1">
        <v>166</v>
      </c>
      <c r="E107" s="1">
        <v>13.28</v>
      </c>
      <c r="F107" s="1">
        <v>2204.48</v>
      </c>
      <c r="G107" s="1" t="s">
        <v>6</v>
      </c>
    </row>
    <row r="108" spans="2:7" x14ac:dyDescent="0.35">
      <c r="B108" s="16">
        <v>44495</v>
      </c>
      <c r="C108" s="15">
        <v>44495.530717592592</v>
      </c>
      <c r="D108" s="1">
        <v>290</v>
      </c>
      <c r="E108" s="1">
        <v>13.28</v>
      </c>
      <c r="F108" s="1">
        <v>3851.2</v>
      </c>
      <c r="G108" s="1" t="s">
        <v>6</v>
      </c>
    </row>
    <row r="109" spans="2:7" x14ac:dyDescent="0.35">
      <c r="B109" s="16">
        <v>44495</v>
      </c>
      <c r="C109" s="15">
        <v>44495.530717592592</v>
      </c>
      <c r="D109" s="1">
        <v>280</v>
      </c>
      <c r="E109" s="1">
        <v>13.28</v>
      </c>
      <c r="F109" s="1">
        <v>3718.3999999999996</v>
      </c>
      <c r="G109" s="1" t="s">
        <v>6</v>
      </c>
    </row>
    <row r="110" spans="2:7" x14ac:dyDescent="0.35">
      <c r="B110" s="16">
        <v>44495</v>
      </c>
      <c r="C110" s="15">
        <v>44495.530717592592</v>
      </c>
      <c r="D110" s="1">
        <v>282</v>
      </c>
      <c r="E110" s="1">
        <v>13.28</v>
      </c>
      <c r="F110" s="1">
        <v>3744.96</v>
      </c>
      <c r="G110" s="1" t="s">
        <v>6</v>
      </c>
    </row>
    <row r="111" spans="2:7" x14ac:dyDescent="0.35">
      <c r="B111" s="16">
        <v>44495</v>
      </c>
      <c r="C111" s="15">
        <v>44495.530717592592</v>
      </c>
      <c r="D111" s="1">
        <v>552</v>
      </c>
      <c r="E111" s="1">
        <v>13.28</v>
      </c>
      <c r="F111" s="1">
        <v>7330.5599999999995</v>
      </c>
      <c r="G111" s="1" t="s">
        <v>6</v>
      </c>
    </row>
    <row r="112" spans="2:7" x14ac:dyDescent="0.35">
      <c r="B112" s="16">
        <v>44495</v>
      </c>
      <c r="C112" s="15">
        <v>44495.530717592592</v>
      </c>
      <c r="D112" s="1">
        <v>122</v>
      </c>
      <c r="E112" s="1">
        <v>13.28</v>
      </c>
      <c r="F112" s="1">
        <v>1620.1599999999999</v>
      </c>
      <c r="G112" s="1" t="s">
        <v>6</v>
      </c>
    </row>
    <row r="113" spans="2:7" x14ac:dyDescent="0.35">
      <c r="B113" s="16">
        <v>44495</v>
      </c>
      <c r="C113" s="15">
        <v>44495.544189814813</v>
      </c>
      <c r="D113" s="1">
        <v>277</v>
      </c>
      <c r="E113" s="1">
        <v>13.24</v>
      </c>
      <c r="F113" s="1">
        <v>3667.48</v>
      </c>
      <c r="G113" s="1" t="s">
        <v>6</v>
      </c>
    </row>
    <row r="114" spans="2:7" x14ac:dyDescent="0.35">
      <c r="B114" s="16">
        <v>44495</v>
      </c>
      <c r="C114" s="15">
        <v>44495.559537037036</v>
      </c>
      <c r="D114" s="1">
        <v>146</v>
      </c>
      <c r="E114" s="1">
        <v>13.22</v>
      </c>
      <c r="F114" s="1">
        <v>1930.1200000000001</v>
      </c>
      <c r="G114" s="1" t="s">
        <v>6</v>
      </c>
    </row>
    <row r="115" spans="2:7" x14ac:dyDescent="0.35">
      <c r="B115" s="16">
        <v>44495</v>
      </c>
      <c r="C115" s="15">
        <v>44495.559537037036</v>
      </c>
      <c r="D115" s="1">
        <v>27</v>
      </c>
      <c r="E115" s="1">
        <v>13.22</v>
      </c>
      <c r="F115" s="1">
        <v>356.94</v>
      </c>
      <c r="G115" s="1" t="s">
        <v>6</v>
      </c>
    </row>
    <row r="116" spans="2:7" x14ac:dyDescent="0.35">
      <c r="B116" s="16">
        <v>44495</v>
      </c>
      <c r="C116" s="15">
        <v>44495.559537037036</v>
      </c>
      <c r="D116" s="1">
        <v>149</v>
      </c>
      <c r="E116" s="1">
        <v>13.22</v>
      </c>
      <c r="F116" s="1">
        <v>1969.7800000000002</v>
      </c>
      <c r="G116" s="1" t="s">
        <v>6</v>
      </c>
    </row>
    <row r="117" spans="2:7" x14ac:dyDescent="0.35">
      <c r="B117" s="16">
        <v>44495</v>
      </c>
      <c r="C117" s="15">
        <v>44495.586064814815</v>
      </c>
      <c r="D117" s="1">
        <v>276</v>
      </c>
      <c r="E117" s="1">
        <v>13.22</v>
      </c>
      <c r="F117" s="1">
        <v>3648.7200000000003</v>
      </c>
      <c r="G117" s="1" t="s">
        <v>6</v>
      </c>
    </row>
    <row r="118" spans="2:7" x14ac:dyDescent="0.35">
      <c r="B118" s="16">
        <v>44495</v>
      </c>
      <c r="C118" s="15">
        <v>44495.597233796296</v>
      </c>
      <c r="D118" s="1">
        <v>314</v>
      </c>
      <c r="E118" s="1">
        <v>13.2</v>
      </c>
      <c r="F118" s="1">
        <v>4144.8</v>
      </c>
      <c r="G118" s="1" t="s">
        <v>6</v>
      </c>
    </row>
    <row r="119" spans="2:7" x14ac:dyDescent="0.35">
      <c r="B119" s="16">
        <v>44495</v>
      </c>
      <c r="C119" s="15">
        <v>44495.597233796296</v>
      </c>
      <c r="D119" s="1">
        <v>71</v>
      </c>
      <c r="E119" s="1">
        <v>13.2</v>
      </c>
      <c r="F119" s="1">
        <v>937.19999999999993</v>
      </c>
      <c r="G119" s="1" t="s">
        <v>6</v>
      </c>
    </row>
    <row r="120" spans="2:7" x14ac:dyDescent="0.35">
      <c r="B120" s="16">
        <v>44495</v>
      </c>
      <c r="C120" s="15">
        <v>44495.643321759257</v>
      </c>
      <c r="D120" s="1">
        <v>225</v>
      </c>
      <c r="E120" s="1">
        <v>13.24</v>
      </c>
      <c r="F120" s="1">
        <v>2979</v>
      </c>
      <c r="G120" s="1" t="s">
        <v>6</v>
      </c>
    </row>
    <row r="121" spans="2:7" x14ac:dyDescent="0.35">
      <c r="B121" s="16">
        <v>44495</v>
      </c>
      <c r="C121" s="15">
        <v>44495.643321759257</v>
      </c>
      <c r="D121" s="1">
        <v>396</v>
      </c>
      <c r="E121" s="1">
        <v>13.24</v>
      </c>
      <c r="F121" s="1">
        <v>5243.04</v>
      </c>
      <c r="G121" s="1" t="s">
        <v>6</v>
      </c>
    </row>
    <row r="122" spans="2:7" x14ac:dyDescent="0.35">
      <c r="B122" s="16">
        <v>44495</v>
      </c>
      <c r="C122" s="15">
        <v>44495.643321759257</v>
      </c>
      <c r="D122" s="1">
        <v>1413</v>
      </c>
      <c r="E122" s="1">
        <v>13.24</v>
      </c>
      <c r="F122" s="1">
        <v>18708.12</v>
      </c>
      <c r="G122" s="1" t="s">
        <v>6</v>
      </c>
    </row>
    <row r="123" spans="2:7" x14ac:dyDescent="0.35">
      <c r="B123" s="16">
        <v>44495</v>
      </c>
      <c r="C123" s="15">
        <v>44495.643321759257</v>
      </c>
      <c r="D123" s="1">
        <v>396</v>
      </c>
      <c r="E123" s="1">
        <v>13.24</v>
      </c>
      <c r="F123" s="1">
        <v>5243.04</v>
      </c>
      <c r="G123" s="1" t="s">
        <v>6</v>
      </c>
    </row>
    <row r="124" spans="2:7" x14ac:dyDescent="0.35">
      <c r="B124" s="16">
        <v>44495</v>
      </c>
      <c r="C124" s="15">
        <v>44495.651724537034</v>
      </c>
      <c r="D124" s="1">
        <v>60</v>
      </c>
      <c r="E124" s="1">
        <v>13.22</v>
      </c>
      <c r="F124" s="1">
        <v>793.2</v>
      </c>
      <c r="G124" s="1" t="s">
        <v>6</v>
      </c>
    </row>
    <row r="125" spans="2:7" x14ac:dyDescent="0.35">
      <c r="B125" s="16">
        <v>44495</v>
      </c>
      <c r="C125" s="15">
        <v>44495.679490740738</v>
      </c>
      <c r="D125" s="1">
        <v>66</v>
      </c>
      <c r="E125" s="1">
        <v>13.2</v>
      </c>
      <c r="F125" s="1">
        <v>871.19999999999993</v>
      </c>
      <c r="G125" s="1" t="s">
        <v>6</v>
      </c>
    </row>
    <row r="126" spans="2:7" x14ac:dyDescent="0.35">
      <c r="B126" s="16">
        <v>44495</v>
      </c>
      <c r="C126" s="15">
        <v>44495.679490740738</v>
      </c>
      <c r="D126" s="1">
        <v>468</v>
      </c>
      <c r="E126" s="1">
        <v>13.2</v>
      </c>
      <c r="F126" s="1">
        <v>6177.5999999999995</v>
      </c>
      <c r="G126" s="1" t="s">
        <v>6</v>
      </c>
    </row>
    <row r="127" spans="2:7" x14ac:dyDescent="0.35">
      <c r="B127" s="16">
        <v>44495</v>
      </c>
      <c r="C127" s="15">
        <v>44495.679490740738</v>
      </c>
      <c r="D127" s="1">
        <v>340</v>
      </c>
      <c r="E127" s="1">
        <v>13.2</v>
      </c>
      <c r="F127" s="1">
        <v>4488</v>
      </c>
      <c r="G127" s="1" t="s">
        <v>6</v>
      </c>
    </row>
    <row r="128" spans="2:7" x14ac:dyDescent="0.35">
      <c r="B128" s="16">
        <v>44495</v>
      </c>
      <c r="C128" s="15">
        <v>44495.679490740738</v>
      </c>
      <c r="D128" s="1">
        <v>108</v>
      </c>
      <c r="E128" s="1">
        <v>13.2</v>
      </c>
      <c r="F128" s="1">
        <v>1425.6</v>
      </c>
      <c r="G128" s="1" t="s">
        <v>6</v>
      </c>
    </row>
    <row r="129" spans="2:7" x14ac:dyDescent="0.35">
      <c r="B129" s="16">
        <v>44495</v>
      </c>
      <c r="C129" s="15">
        <v>44495.679490740738</v>
      </c>
      <c r="D129" s="1">
        <v>654</v>
      </c>
      <c r="E129" s="1">
        <v>13.2</v>
      </c>
      <c r="F129" s="1">
        <v>8632.7999999999993</v>
      </c>
      <c r="G129" s="1" t="s">
        <v>6</v>
      </c>
    </row>
    <row r="130" spans="2:7" x14ac:dyDescent="0.35">
      <c r="B130" s="16">
        <v>44495</v>
      </c>
      <c r="C130" s="15">
        <v>44495.679490740738</v>
      </c>
      <c r="D130" s="1">
        <v>448</v>
      </c>
      <c r="E130" s="1">
        <v>13.2</v>
      </c>
      <c r="F130" s="1">
        <v>5913.5999999999995</v>
      </c>
      <c r="G130" s="1" t="s">
        <v>6</v>
      </c>
    </row>
    <row r="131" spans="2:7" x14ac:dyDescent="0.35">
      <c r="B131" s="16">
        <v>44495</v>
      </c>
      <c r="C131" s="15">
        <v>44495.679606481484</v>
      </c>
      <c r="D131" s="1">
        <v>291</v>
      </c>
      <c r="E131" s="1">
        <v>13.18</v>
      </c>
      <c r="F131" s="1">
        <v>3835.38</v>
      </c>
      <c r="G131" s="1" t="s">
        <v>6</v>
      </c>
    </row>
    <row r="132" spans="2:7" x14ac:dyDescent="0.35">
      <c r="B132" s="16">
        <v>44495</v>
      </c>
      <c r="C132" s="15">
        <v>44495.696956018517</v>
      </c>
      <c r="D132" s="1">
        <v>24</v>
      </c>
      <c r="E132" s="1">
        <v>13.18</v>
      </c>
      <c r="F132" s="1">
        <v>316.32</v>
      </c>
      <c r="G132" s="1" t="s">
        <v>6</v>
      </c>
    </row>
    <row r="133" spans="2:7" x14ac:dyDescent="0.35">
      <c r="B133" s="16">
        <v>44495</v>
      </c>
      <c r="C133" s="15">
        <v>44495.696967592594</v>
      </c>
      <c r="D133" s="1">
        <v>254</v>
      </c>
      <c r="E133" s="1">
        <v>13.18</v>
      </c>
      <c r="F133" s="1">
        <v>3347.72</v>
      </c>
      <c r="G133" s="1" t="s">
        <v>6</v>
      </c>
    </row>
    <row r="134" spans="2:7" x14ac:dyDescent="0.35">
      <c r="B134" s="16">
        <v>44495</v>
      </c>
      <c r="C134" s="15">
        <v>44495.702037037037</v>
      </c>
      <c r="D134" s="1">
        <v>216</v>
      </c>
      <c r="E134" s="1">
        <v>13.18</v>
      </c>
      <c r="F134" s="1">
        <v>2846.88</v>
      </c>
      <c r="G134" s="1" t="s">
        <v>6</v>
      </c>
    </row>
    <row r="135" spans="2:7" x14ac:dyDescent="0.35">
      <c r="B135" s="16">
        <v>44495</v>
      </c>
      <c r="C135" s="15">
        <v>44495.702037037037</v>
      </c>
      <c r="D135" s="1">
        <v>9</v>
      </c>
      <c r="E135" s="1">
        <v>13.18</v>
      </c>
      <c r="F135" s="1">
        <v>118.62</v>
      </c>
      <c r="G135" s="1" t="s">
        <v>6</v>
      </c>
    </row>
    <row r="136" spans="2:7" x14ac:dyDescent="0.35">
      <c r="B136" s="16">
        <v>44495</v>
      </c>
      <c r="C136" s="15">
        <v>44495.702037037037</v>
      </c>
      <c r="D136" s="1">
        <v>61</v>
      </c>
      <c r="E136" s="1">
        <v>13.18</v>
      </c>
      <c r="F136" s="1">
        <v>803.98</v>
      </c>
      <c r="G136" s="1" t="s">
        <v>6</v>
      </c>
    </row>
    <row r="137" spans="2:7" x14ac:dyDescent="0.35">
      <c r="B137" s="16">
        <v>44495</v>
      </c>
      <c r="C137" s="15">
        <v>44495.707083333335</v>
      </c>
      <c r="D137" s="1">
        <v>24</v>
      </c>
      <c r="E137" s="1">
        <v>13.2</v>
      </c>
      <c r="F137" s="1">
        <v>316.79999999999995</v>
      </c>
      <c r="G137" s="1" t="s">
        <v>6</v>
      </c>
    </row>
    <row r="138" spans="2:7" x14ac:dyDescent="0.35">
      <c r="B138" s="16">
        <v>44495</v>
      </c>
      <c r="C138" s="15">
        <v>44495.707083333335</v>
      </c>
      <c r="D138" s="1">
        <v>265</v>
      </c>
      <c r="E138" s="1">
        <v>13.2</v>
      </c>
      <c r="F138" s="1">
        <v>3498</v>
      </c>
      <c r="G138" s="1" t="s">
        <v>6</v>
      </c>
    </row>
    <row r="139" spans="2:7" x14ac:dyDescent="0.35">
      <c r="B139" s="16">
        <v>44495</v>
      </c>
      <c r="C139" s="15">
        <v>44495.711724537039</v>
      </c>
      <c r="D139" s="1">
        <v>248</v>
      </c>
      <c r="E139" s="1">
        <v>13.2</v>
      </c>
      <c r="F139" s="1">
        <v>3273.6</v>
      </c>
      <c r="G139" s="1" t="s">
        <v>6</v>
      </c>
    </row>
    <row r="140" spans="2:7" x14ac:dyDescent="0.35">
      <c r="B140" s="16">
        <v>44495</v>
      </c>
      <c r="C140" s="15">
        <v>44495.711724537039</v>
      </c>
      <c r="D140" s="1">
        <v>40</v>
      </c>
      <c r="E140" s="1">
        <v>13.2</v>
      </c>
      <c r="F140" s="1">
        <v>528</v>
      </c>
      <c r="G140" s="1" t="s">
        <v>6</v>
      </c>
    </row>
    <row r="141" spans="2:7" x14ac:dyDescent="0.35">
      <c r="B141" s="16">
        <v>44495</v>
      </c>
      <c r="C141" s="15">
        <v>44495.714143518519</v>
      </c>
      <c r="D141" s="1">
        <v>5</v>
      </c>
      <c r="E141" s="1">
        <v>13.2</v>
      </c>
      <c r="F141" s="1">
        <v>66</v>
      </c>
      <c r="G141" s="1" t="s">
        <v>6</v>
      </c>
    </row>
    <row r="142" spans="2:7" x14ac:dyDescent="0.35">
      <c r="B142" s="16">
        <v>44495</v>
      </c>
      <c r="C142" s="15">
        <v>44495.714143518519</v>
      </c>
      <c r="D142" s="1">
        <v>570</v>
      </c>
      <c r="E142" s="1">
        <v>13.2</v>
      </c>
      <c r="F142" s="1">
        <v>7524</v>
      </c>
      <c r="G142" s="1" t="s">
        <v>6</v>
      </c>
    </row>
    <row r="143" spans="2:7" x14ac:dyDescent="0.35">
      <c r="B143" s="16">
        <v>44495</v>
      </c>
      <c r="C143" s="15">
        <v>44495.714143518519</v>
      </c>
      <c r="D143" s="1">
        <v>280</v>
      </c>
      <c r="E143" s="1">
        <v>13.2</v>
      </c>
      <c r="F143" s="1">
        <v>3696</v>
      </c>
      <c r="G143" s="1" t="s">
        <v>6</v>
      </c>
    </row>
    <row r="144" spans="2:7" x14ac:dyDescent="0.35">
      <c r="B144" s="16">
        <v>44495</v>
      </c>
      <c r="C144" s="15">
        <v>44495.714143518519</v>
      </c>
      <c r="D144" s="1">
        <v>38</v>
      </c>
      <c r="E144" s="1">
        <v>13.2</v>
      </c>
      <c r="F144" s="1">
        <v>501.59999999999997</v>
      </c>
      <c r="G144" s="1" t="s">
        <v>6</v>
      </c>
    </row>
    <row r="145" spans="2:7" x14ac:dyDescent="0.35">
      <c r="B145" s="16">
        <v>44495</v>
      </c>
      <c r="C145" s="15">
        <v>44495.714143518519</v>
      </c>
      <c r="D145" s="1">
        <v>2</v>
      </c>
      <c r="E145" s="1">
        <v>13.2</v>
      </c>
      <c r="F145" s="1">
        <v>26.4</v>
      </c>
      <c r="G145" s="1" t="s">
        <v>6</v>
      </c>
    </row>
    <row r="146" spans="2:7" x14ac:dyDescent="0.35">
      <c r="B146" s="16">
        <v>44496</v>
      </c>
      <c r="C146" s="15">
        <v>44496.378472222219</v>
      </c>
      <c r="D146" s="1">
        <v>71</v>
      </c>
      <c r="E146" s="1">
        <v>13.2</v>
      </c>
      <c r="F146" s="1">
        <v>937.19999999999993</v>
      </c>
      <c r="G146" s="1" t="s">
        <v>6</v>
      </c>
    </row>
    <row r="147" spans="2:7" x14ac:dyDescent="0.35">
      <c r="B147" s="16">
        <v>44496</v>
      </c>
      <c r="C147" s="15">
        <v>44496.378680555557</v>
      </c>
      <c r="D147" s="1">
        <v>325</v>
      </c>
      <c r="E147" s="1">
        <v>13.14</v>
      </c>
      <c r="F147" s="1">
        <v>4270.5</v>
      </c>
      <c r="G147" s="1" t="s">
        <v>6</v>
      </c>
    </row>
    <row r="148" spans="2:7" x14ac:dyDescent="0.35">
      <c r="B148" s="16">
        <v>44496</v>
      </c>
      <c r="C148" s="15">
        <v>44496.378680555557</v>
      </c>
      <c r="D148" s="1">
        <v>289</v>
      </c>
      <c r="E148" s="1">
        <v>13.16</v>
      </c>
      <c r="F148" s="1">
        <v>3803.2400000000002</v>
      </c>
      <c r="G148" s="1" t="s">
        <v>6</v>
      </c>
    </row>
    <row r="149" spans="2:7" x14ac:dyDescent="0.35">
      <c r="B149" s="16">
        <v>44496</v>
      </c>
      <c r="C149" s="15">
        <v>44496.388773148145</v>
      </c>
      <c r="D149" s="1">
        <v>159</v>
      </c>
      <c r="E149" s="1">
        <v>13.14</v>
      </c>
      <c r="F149" s="1">
        <v>2089.2600000000002</v>
      </c>
      <c r="G149" s="1" t="s">
        <v>6</v>
      </c>
    </row>
    <row r="150" spans="2:7" x14ac:dyDescent="0.35">
      <c r="B150" s="16">
        <v>44496</v>
      </c>
      <c r="C150" s="15">
        <v>44496.388773148145</v>
      </c>
      <c r="D150" s="1">
        <v>127</v>
      </c>
      <c r="E150" s="1">
        <v>13.14</v>
      </c>
      <c r="F150" s="1">
        <v>1668.78</v>
      </c>
      <c r="G150" s="1" t="s">
        <v>6</v>
      </c>
    </row>
    <row r="151" spans="2:7" x14ac:dyDescent="0.35">
      <c r="B151" s="16">
        <v>44496</v>
      </c>
      <c r="C151" s="15">
        <v>44496.391597222224</v>
      </c>
      <c r="D151" s="1">
        <v>548</v>
      </c>
      <c r="E151" s="1">
        <v>13.24</v>
      </c>
      <c r="F151" s="1">
        <v>7255.52</v>
      </c>
      <c r="G151" s="1" t="s">
        <v>6</v>
      </c>
    </row>
    <row r="152" spans="2:7" x14ac:dyDescent="0.35">
      <c r="B152" s="16">
        <v>44496</v>
      </c>
      <c r="C152" s="15">
        <v>44496.400173611109</v>
      </c>
      <c r="D152" s="1">
        <v>19</v>
      </c>
      <c r="E152" s="1">
        <v>13.2</v>
      </c>
      <c r="F152" s="1">
        <v>250.79999999999998</v>
      </c>
      <c r="G152" s="1" t="s">
        <v>6</v>
      </c>
    </row>
    <row r="153" spans="2:7" x14ac:dyDescent="0.35">
      <c r="B153" s="16">
        <v>44496</v>
      </c>
      <c r="C153" s="15">
        <v>44496.400173611109</v>
      </c>
      <c r="D153" s="1">
        <v>283</v>
      </c>
      <c r="E153" s="1">
        <v>13.2</v>
      </c>
      <c r="F153" s="1">
        <v>3735.6</v>
      </c>
      <c r="G153" s="1" t="s">
        <v>6</v>
      </c>
    </row>
    <row r="154" spans="2:7" x14ac:dyDescent="0.35">
      <c r="B154" s="16">
        <v>44496</v>
      </c>
      <c r="C154" s="15">
        <v>44496.416631944441</v>
      </c>
      <c r="D154" s="1">
        <v>10</v>
      </c>
      <c r="E154" s="1">
        <v>13.24</v>
      </c>
      <c r="F154" s="1">
        <v>132.4</v>
      </c>
      <c r="G154" s="1" t="s">
        <v>6</v>
      </c>
    </row>
    <row r="155" spans="2:7" x14ac:dyDescent="0.35">
      <c r="B155" s="16">
        <v>44496</v>
      </c>
      <c r="C155" s="15">
        <v>44496.416631944441</v>
      </c>
      <c r="D155" s="1">
        <v>289</v>
      </c>
      <c r="E155" s="1">
        <v>13.24</v>
      </c>
      <c r="F155" s="1">
        <v>3826.36</v>
      </c>
      <c r="G155" s="1" t="s">
        <v>6</v>
      </c>
    </row>
    <row r="156" spans="2:7" x14ac:dyDescent="0.35">
      <c r="B156" s="16">
        <v>44496</v>
      </c>
      <c r="C156" s="15">
        <v>44496.419421296298</v>
      </c>
      <c r="D156" s="1">
        <v>137</v>
      </c>
      <c r="E156" s="1">
        <v>13.24</v>
      </c>
      <c r="F156" s="1">
        <v>1813.88</v>
      </c>
      <c r="G156" s="1" t="s">
        <v>6</v>
      </c>
    </row>
    <row r="157" spans="2:7" x14ac:dyDescent="0.35">
      <c r="B157" s="16">
        <v>44496</v>
      </c>
      <c r="C157" s="15">
        <v>44496.422291666669</v>
      </c>
      <c r="D157" s="1">
        <v>290</v>
      </c>
      <c r="E157" s="1">
        <v>13.24</v>
      </c>
      <c r="F157" s="1">
        <v>3839.6</v>
      </c>
      <c r="G157" s="1" t="s">
        <v>6</v>
      </c>
    </row>
    <row r="158" spans="2:7" x14ac:dyDescent="0.35">
      <c r="B158" s="16">
        <v>44496</v>
      </c>
      <c r="C158" s="15">
        <v>44496.428900462961</v>
      </c>
      <c r="D158" s="1">
        <v>286</v>
      </c>
      <c r="E158" s="1">
        <v>13.24</v>
      </c>
      <c r="F158" s="1">
        <v>3786.64</v>
      </c>
      <c r="G158" s="1" t="s">
        <v>6</v>
      </c>
    </row>
    <row r="159" spans="2:7" x14ac:dyDescent="0.35">
      <c r="B159" s="16">
        <v>44496</v>
      </c>
      <c r="C159" s="15">
        <v>44496.429039351853</v>
      </c>
      <c r="D159" s="1">
        <v>4</v>
      </c>
      <c r="E159" s="1">
        <v>13.2</v>
      </c>
      <c r="F159" s="1">
        <v>52.8</v>
      </c>
      <c r="G159" s="1" t="s">
        <v>6</v>
      </c>
    </row>
    <row r="160" spans="2:7" x14ac:dyDescent="0.35">
      <c r="B160" s="16">
        <v>44496</v>
      </c>
      <c r="C160" s="15">
        <v>44496.429039351853</v>
      </c>
      <c r="D160" s="1">
        <v>285</v>
      </c>
      <c r="E160" s="1">
        <v>13.2</v>
      </c>
      <c r="F160" s="1">
        <v>3762</v>
      </c>
      <c r="G160" s="1" t="s">
        <v>6</v>
      </c>
    </row>
    <row r="161" spans="2:7" x14ac:dyDescent="0.35">
      <c r="B161" s="16">
        <v>44496</v>
      </c>
      <c r="C161" s="15">
        <v>44496.429097222222</v>
      </c>
      <c r="D161" s="1">
        <v>227</v>
      </c>
      <c r="E161" s="1">
        <v>13.2</v>
      </c>
      <c r="F161" s="1">
        <v>2996.3999999999996</v>
      </c>
      <c r="G161" s="1" t="s">
        <v>6</v>
      </c>
    </row>
    <row r="162" spans="2:7" x14ac:dyDescent="0.35">
      <c r="B162" s="16">
        <v>44496</v>
      </c>
      <c r="C162" s="15">
        <v>44496.429189814815</v>
      </c>
      <c r="D162" s="1">
        <v>19</v>
      </c>
      <c r="E162" s="1">
        <v>13.2</v>
      </c>
      <c r="F162" s="1">
        <v>250.79999999999998</v>
      </c>
      <c r="G162" s="1" t="s">
        <v>6</v>
      </c>
    </row>
    <row r="163" spans="2:7" x14ac:dyDescent="0.35">
      <c r="B163" s="16">
        <v>44496</v>
      </c>
      <c r="C163" s="15">
        <v>44496.429189814815</v>
      </c>
      <c r="D163" s="1">
        <v>104</v>
      </c>
      <c r="E163" s="1">
        <v>13.2</v>
      </c>
      <c r="F163" s="1">
        <v>1372.8</v>
      </c>
      <c r="G163" s="1" t="s">
        <v>6</v>
      </c>
    </row>
    <row r="164" spans="2:7" x14ac:dyDescent="0.35">
      <c r="B164" s="16">
        <v>44496</v>
      </c>
      <c r="C164" s="15">
        <v>44496.429189814815</v>
      </c>
      <c r="D164" s="1">
        <v>62</v>
      </c>
      <c r="E164" s="1">
        <v>13.2</v>
      </c>
      <c r="F164" s="1">
        <v>818.4</v>
      </c>
      <c r="G164" s="1" t="s">
        <v>6</v>
      </c>
    </row>
    <row r="165" spans="2:7" x14ac:dyDescent="0.35">
      <c r="B165" s="16">
        <v>44496</v>
      </c>
      <c r="C165" s="15">
        <v>44496.429189814815</v>
      </c>
      <c r="D165" s="1">
        <v>165</v>
      </c>
      <c r="E165" s="1">
        <v>13.2</v>
      </c>
      <c r="F165" s="1">
        <v>2178</v>
      </c>
      <c r="G165" s="1" t="s">
        <v>6</v>
      </c>
    </row>
    <row r="166" spans="2:7" x14ac:dyDescent="0.35">
      <c r="B166" s="16">
        <v>44496</v>
      </c>
      <c r="C166" s="15">
        <v>44496.456435185188</v>
      </c>
      <c r="D166" s="1">
        <v>298</v>
      </c>
      <c r="E166" s="1">
        <v>13.2</v>
      </c>
      <c r="F166" s="1">
        <v>3933.6</v>
      </c>
      <c r="G166" s="1" t="s">
        <v>6</v>
      </c>
    </row>
    <row r="167" spans="2:7" x14ac:dyDescent="0.35">
      <c r="B167" s="16">
        <v>44496</v>
      </c>
      <c r="C167" s="15">
        <v>44496.464062500003</v>
      </c>
      <c r="D167" s="1">
        <v>273</v>
      </c>
      <c r="E167" s="1">
        <v>13.2</v>
      </c>
      <c r="F167" s="1">
        <v>3603.6</v>
      </c>
      <c r="G167" s="1" t="s">
        <v>6</v>
      </c>
    </row>
    <row r="168" spans="2:7" x14ac:dyDescent="0.35">
      <c r="B168" s="16">
        <v>44496</v>
      </c>
      <c r="C168" s="15">
        <v>44496.467719907407</v>
      </c>
      <c r="D168" s="1">
        <v>360</v>
      </c>
      <c r="E168" s="1">
        <v>13.18</v>
      </c>
      <c r="F168" s="1">
        <v>4744.8</v>
      </c>
      <c r="G168" s="1" t="s">
        <v>6</v>
      </c>
    </row>
    <row r="169" spans="2:7" x14ac:dyDescent="0.35">
      <c r="B169" s="16">
        <v>44496</v>
      </c>
      <c r="C169" s="15">
        <v>44496.481377314813</v>
      </c>
      <c r="D169" s="1">
        <v>286</v>
      </c>
      <c r="E169" s="1">
        <v>13.18</v>
      </c>
      <c r="F169" s="1">
        <v>3769.48</v>
      </c>
      <c r="G169" s="1" t="s">
        <v>6</v>
      </c>
    </row>
    <row r="170" spans="2:7" x14ac:dyDescent="0.35">
      <c r="B170" s="16">
        <v>44496</v>
      </c>
      <c r="C170" s="15">
        <v>44496.489675925928</v>
      </c>
      <c r="D170" s="1">
        <v>228</v>
      </c>
      <c r="E170" s="1">
        <v>13.18</v>
      </c>
      <c r="F170" s="1">
        <v>3005.04</v>
      </c>
      <c r="G170" s="1" t="s">
        <v>6</v>
      </c>
    </row>
    <row r="171" spans="2:7" x14ac:dyDescent="0.35">
      <c r="B171" s="16">
        <v>44496</v>
      </c>
      <c r="C171" s="15">
        <v>44496.496574074074</v>
      </c>
      <c r="D171" s="1">
        <v>228</v>
      </c>
      <c r="E171" s="1">
        <v>13.18</v>
      </c>
      <c r="F171" s="1">
        <v>3005.04</v>
      </c>
      <c r="G171" s="1" t="s">
        <v>6</v>
      </c>
    </row>
    <row r="172" spans="2:7" x14ac:dyDescent="0.35">
      <c r="B172" s="16">
        <v>44496</v>
      </c>
      <c r="C172" s="15">
        <v>44496.500879629632</v>
      </c>
      <c r="D172" s="1">
        <v>243</v>
      </c>
      <c r="E172" s="1">
        <v>13.18</v>
      </c>
      <c r="F172" s="1">
        <v>3202.74</v>
      </c>
      <c r="G172" s="1" t="s">
        <v>6</v>
      </c>
    </row>
    <row r="173" spans="2:7" x14ac:dyDescent="0.35">
      <c r="B173" s="16">
        <v>44496</v>
      </c>
      <c r="C173" s="15">
        <v>44496.500879629632</v>
      </c>
      <c r="D173" s="1">
        <v>220</v>
      </c>
      <c r="E173" s="1">
        <v>13.18</v>
      </c>
      <c r="F173" s="1">
        <v>2899.6</v>
      </c>
      <c r="G173" s="1" t="s">
        <v>6</v>
      </c>
    </row>
    <row r="174" spans="2:7" x14ac:dyDescent="0.35">
      <c r="B174" s="16">
        <v>44496</v>
      </c>
      <c r="C174" s="15">
        <v>44496.500879629632</v>
      </c>
      <c r="D174" s="1">
        <v>140</v>
      </c>
      <c r="E174" s="1">
        <v>13.18</v>
      </c>
      <c r="F174" s="1">
        <v>1845.2</v>
      </c>
      <c r="G174" s="1" t="s">
        <v>6</v>
      </c>
    </row>
    <row r="175" spans="2:7" x14ac:dyDescent="0.35">
      <c r="B175" s="16">
        <v>44496</v>
      </c>
      <c r="C175" s="15">
        <v>44496.500879629632</v>
      </c>
      <c r="D175" s="1">
        <v>228</v>
      </c>
      <c r="E175" s="1">
        <v>13.18</v>
      </c>
      <c r="F175" s="1">
        <v>3005.04</v>
      </c>
      <c r="G175" s="1" t="s">
        <v>6</v>
      </c>
    </row>
    <row r="176" spans="2:7" x14ac:dyDescent="0.35">
      <c r="B176" s="16">
        <v>44496</v>
      </c>
      <c r="C176" s="15">
        <v>44496.528287037036</v>
      </c>
      <c r="D176" s="1">
        <v>310</v>
      </c>
      <c r="E176" s="1">
        <v>13.2</v>
      </c>
      <c r="F176" s="1">
        <v>4092</v>
      </c>
      <c r="G176" s="1" t="s">
        <v>6</v>
      </c>
    </row>
    <row r="177" spans="2:7" x14ac:dyDescent="0.35">
      <c r="B177" s="16">
        <v>44496</v>
      </c>
      <c r="C177" s="15">
        <v>44496.535601851851</v>
      </c>
      <c r="D177" s="1">
        <v>40</v>
      </c>
      <c r="E177" s="1">
        <v>13.18</v>
      </c>
      <c r="F177" s="1">
        <v>527.20000000000005</v>
      </c>
      <c r="G177" s="1" t="s">
        <v>6</v>
      </c>
    </row>
    <row r="178" spans="2:7" x14ac:dyDescent="0.35">
      <c r="B178" s="16">
        <v>44496</v>
      </c>
      <c r="C178" s="15">
        <v>44496.535601851851</v>
      </c>
      <c r="D178" s="1">
        <v>250</v>
      </c>
      <c r="E178" s="1">
        <v>13.18</v>
      </c>
      <c r="F178" s="1">
        <v>3295</v>
      </c>
      <c r="G178" s="1" t="s">
        <v>6</v>
      </c>
    </row>
    <row r="179" spans="2:7" x14ac:dyDescent="0.35">
      <c r="B179" s="16">
        <v>44496</v>
      </c>
      <c r="C179" s="15">
        <v>44496.535601851851</v>
      </c>
      <c r="D179" s="1">
        <v>302</v>
      </c>
      <c r="E179" s="1">
        <v>13.18</v>
      </c>
      <c r="F179" s="1">
        <v>3980.36</v>
      </c>
      <c r="G179" s="1" t="s">
        <v>6</v>
      </c>
    </row>
    <row r="180" spans="2:7" x14ac:dyDescent="0.35">
      <c r="B180" s="16">
        <v>44496</v>
      </c>
      <c r="C180" s="15">
        <v>44496.535601851851</v>
      </c>
      <c r="D180" s="1">
        <v>320</v>
      </c>
      <c r="E180" s="1">
        <v>13.18</v>
      </c>
      <c r="F180" s="1">
        <v>4217.6000000000004</v>
      </c>
      <c r="G180" s="1" t="s">
        <v>6</v>
      </c>
    </row>
    <row r="181" spans="2:7" x14ac:dyDescent="0.35">
      <c r="B181" s="16">
        <v>44496</v>
      </c>
      <c r="C181" s="15">
        <v>44496.555798611109</v>
      </c>
      <c r="D181" s="1">
        <v>274</v>
      </c>
      <c r="E181" s="1">
        <v>13.14</v>
      </c>
      <c r="F181" s="1">
        <v>3600.36</v>
      </c>
      <c r="G181" s="1" t="s">
        <v>6</v>
      </c>
    </row>
    <row r="182" spans="2:7" x14ac:dyDescent="0.35">
      <c r="B182" s="16">
        <v>44496</v>
      </c>
      <c r="C182" s="15">
        <v>44496.555798611109</v>
      </c>
      <c r="D182" s="1">
        <v>277</v>
      </c>
      <c r="E182" s="1">
        <v>13.14</v>
      </c>
      <c r="F182" s="1">
        <v>3639.78</v>
      </c>
      <c r="G182" s="1" t="s">
        <v>6</v>
      </c>
    </row>
    <row r="183" spans="2:7" x14ac:dyDescent="0.35">
      <c r="B183" s="16">
        <v>44496</v>
      </c>
      <c r="C183" s="15">
        <v>44496.582083333335</v>
      </c>
      <c r="D183" s="1">
        <v>50</v>
      </c>
      <c r="E183" s="1">
        <v>13.14</v>
      </c>
      <c r="F183" s="1">
        <v>657</v>
      </c>
      <c r="G183" s="1" t="s">
        <v>6</v>
      </c>
    </row>
    <row r="184" spans="2:7" x14ac:dyDescent="0.35">
      <c r="B184" s="16">
        <v>44496</v>
      </c>
      <c r="C184" s="15">
        <v>44496.582083333335</v>
      </c>
      <c r="D184" s="1">
        <v>237</v>
      </c>
      <c r="E184" s="1">
        <v>13.14</v>
      </c>
      <c r="F184" s="1">
        <v>3114.1800000000003</v>
      </c>
      <c r="G184" s="1" t="s">
        <v>6</v>
      </c>
    </row>
    <row r="185" spans="2:7" x14ac:dyDescent="0.35">
      <c r="B185" s="16">
        <v>44496</v>
      </c>
      <c r="C185" s="15">
        <v>44496.582083333335</v>
      </c>
      <c r="D185" s="1">
        <v>25</v>
      </c>
      <c r="E185" s="1">
        <v>13.14</v>
      </c>
      <c r="F185" s="1">
        <v>328.5</v>
      </c>
      <c r="G185" s="1" t="s">
        <v>6</v>
      </c>
    </row>
    <row r="186" spans="2:7" x14ac:dyDescent="0.35">
      <c r="B186" s="16">
        <v>44496</v>
      </c>
      <c r="C186" s="15">
        <v>44496.583032407405</v>
      </c>
      <c r="D186" s="1">
        <v>275</v>
      </c>
      <c r="E186" s="1">
        <v>13.12</v>
      </c>
      <c r="F186" s="1">
        <v>3608</v>
      </c>
      <c r="G186" s="1" t="s">
        <v>6</v>
      </c>
    </row>
    <row r="187" spans="2:7" x14ac:dyDescent="0.35">
      <c r="B187" s="16">
        <v>44496</v>
      </c>
      <c r="C187" s="15">
        <v>44496.583032407405</v>
      </c>
      <c r="D187" s="1">
        <v>330</v>
      </c>
      <c r="E187" s="1">
        <v>13.12</v>
      </c>
      <c r="F187" s="1">
        <v>4329.5999999999995</v>
      </c>
      <c r="G187" s="1" t="s">
        <v>6</v>
      </c>
    </row>
    <row r="188" spans="2:7" x14ac:dyDescent="0.35">
      <c r="B188" s="16">
        <v>44496</v>
      </c>
      <c r="C188" s="15">
        <v>44496.583032407405</v>
      </c>
      <c r="D188" s="1">
        <v>275</v>
      </c>
      <c r="E188" s="1">
        <v>13.12</v>
      </c>
      <c r="F188" s="1">
        <v>3608</v>
      </c>
      <c r="G188" s="1" t="s">
        <v>6</v>
      </c>
    </row>
    <row r="189" spans="2:7" x14ac:dyDescent="0.35">
      <c r="B189" s="16">
        <v>44496</v>
      </c>
      <c r="C189" s="15">
        <v>44496.608182870368</v>
      </c>
      <c r="D189" s="1">
        <v>312</v>
      </c>
      <c r="E189" s="1">
        <v>13.12</v>
      </c>
      <c r="F189" s="1">
        <v>4093.4399999999996</v>
      </c>
      <c r="G189" s="1" t="s">
        <v>6</v>
      </c>
    </row>
    <row r="190" spans="2:7" x14ac:dyDescent="0.35">
      <c r="B190" s="16">
        <v>44496</v>
      </c>
      <c r="C190" s="15">
        <v>44496.608182870368</v>
      </c>
      <c r="D190" s="1">
        <v>263</v>
      </c>
      <c r="E190" s="1">
        <v>13.12</v>
      </c>
      <c r="F190" s="1">
        <v>3450.56</v>
      </c>
      <c r="G190" s="1" t="s">
        <v>6</v>
      </c>
    </row>
    <row r="191" spans="2:7" x14ac:dyDescent="0.35">
      <c r="B191" s="16">
        <v>44496</v>
      </c>
      <c r="C191" s="15">
        <v>44496.608240740738</v>
      </c>
      <c r="D191" s="1">
        <v>48</v>
      </c>
      <c r="E191" s="1">
        <v>13.12</v>
      </c>
      <c r="F191" s="1">
        <v>629.76</v>
      </c>
      <c r="G191" s="1" t="s">
        <v>6</v>
      </c>
    </row>
    <row r="192" spans="2:7" x14ac:dyDescent="0.35">
      <c r="B192" s="16">
        <v>44496</v>
      </c>
      <c r="C192" s="15">
        <v>44496.629664351851</v>
      </c>
      <c r="D192" s="1">
        <v>329</v>
      </c>
      <c r="E192" s="1">
        <v>13.16</v>
      </c>
      <c r="F192" s="1">
        <v>4329.6400000000003</v>
      </c>
      <c r="G192" s="1" t="s">
        <v>6</v>
      </c>
    </row>
    <row r="193" spans="2:7" x14ac:dyDescent="0.35">
      <c r="B193" s="16">
        <v>44496</v>
      </c>
      <c r="C193" s="15">
        <v>44496.63890046296</v>
      </c>
      <c r="D193" s="1">
        <v>152</v>
      </c>
      <c r="E193" s="1">
        <v>13.16</v>
      </c>
      <c r="F193" s="1">
        <v>2000.32</v>
      </c>
      <c r="G193" s="1" t="s">
        <v>6</v>
      </c>
    </row>
    <row r="194" spans="2:7" x14ac:dyDescent="0.35">
      <c r="B194" s="16">
        <v>44496</v>
      </c>
      <c r="C194" s="15">
        <v>44496.63890046296</v>
      </c>
      <c r="D194" s="1">
        <v>133</v>
      </c>
      <c r="E194" s="1">
        <v>13.16</v>
      </c>
      <c r="F194" s="1">
        <v>1750.28</v>
      </c>
      <c r="G194" s="1" t="s">
        <v>6</v>
      </c>
    </row>
    <row r="195" spans="2:7" x14ac:dyDescent="0.35">
      <c r="B195" s="16">
        <v>44496</v>
      </c>
      <c r="C195" s="15">
        <v>44496.63890046296</v>
      </c>
      <c r="D195" s="1">
        <v>285</v>
      </c>
      <c r="E195" s="1">
        <v>13.16</v>
      </c>
      <c r="F195" s="1">
        <v>3750.6</v>
      </c>
      <c r="G195" s="1" t="s">
        <v>6</v>
      </c>
    </row>
    <row r="196" spans="2:7" x14ac:dyDescent="0.35">
      <c r="B196" s="16">
        <v>44496</v>
      </c>
      <c r="C196" s="15">
        <v>44496.63890046296</v>
      </c>
      <c r="D196" s="1">
        <v>77</v>
      </c>
      <c r="E196" s="1">
        <v>13.16</v>
      </c>
      <c r="F196" s="1">
        <v>1013.32</v>
      </c>
      <c r="G196" s="1" t="s">
        <v>6</v>
      </c>
    </row>
    <row r="197" spans="2:7" x14ac:dyDescent="0.35">
      <c r="B197" s="16">
        <v>44496</v>
      </c>
      <c r="C197" s="15">
        <v>44496.63890046296</v>
      </c>
      <c r="D197" s="1">
        <v>275</v>
      </c>
      <c r="E197" s="1">
        <v>13.16</v>
      </c>
      <c r="F197" s="1">
        <v>3619</v>
      </c>
      <c r="G197" s="1" t="s">
        <v>6</v>
      </c>
    </row>
    <row r="198" spans="2:7" x14ac:dyDescent="0.35">
      <c r="B198" s="16">
        <v>44496</v>
      </c>
      <c r="C198" s="15">
        <v>44496.63890046296</v>
      </c>
      <c r="D198" s="1">
        <v>208</v>
      </c>
      <c r="E198" s="1">
        <v>13.16</v>
      </c>
      <c r="F198" s="1">
        <v>2737.28</v>
      </c>
      <c r="G198" s="1" t="s">
        <v>6</v>
      </c>
    </row>
    <row r="199" spans="2:7" x14ac:dyDescent="0.35">
      <c r="B199" s="16">
        <v>44496</v>
      </c>
      <c r="C199" s="15">
        <v>44496.649791666663</v>
      </c>
      <c r="D199" s="1">
        <v>293</v>
      </c>
      <c r="E199" s="1">
        <v>13.14</v>
      </c>
      <c r="F199" s="1">
        <v>3850.02</v>
      </c>
      <c r="G199" s="1" t="s">
        <v>6</v>
      </c>
    </row>
    <row r="200" spans="2:7" x14ac:dyDescent="0.35">
      <c r="B200" s="16">
        <v>44496</v>
      </c>
      <c r="C200" s="15">
        <v>44496.667210648149</v>
      </c>
      <c r="D200" s="1">
        <v>317</v>
      </c>
      <c r="E200" s="1">
        <v>13.22</v>
      </c>
      <c r="F200" s="1">
        <v>4190.74</v>
      </c>
      <c r="G200" s="1" t="s">
        <v>6</v>
      </c>
    </row>
    <row r="201" spans="2:7" x14ac:dyDescent="0.35">
      <c r="B201" s="16">
        <v>44496</v>
      </c>
      <c r="C201" s="15">
        <v>44496.667708333334</v>
      </c>
      <c r="D201" s="1">
        <v>327</v>
      </c>
      <c r="E201" s="1">
        <v>13.22</v>
      </c>
      <c r="F201" s="1">
        <v>4322.9400000000005</v>
      </c>
      <c r="G201" s="1" t="s">
        <v>6</v>
      </c>
    </row>
    <row r="202" spans="2:7" x14ac:dyDescent="0.35">
      <c r="B202" s="16">
        <v>44496</v>
      </c>
      <c r="C202" s="15">
        <v>44496.686423611114</v>
      </c>
      <c r="D202" s="1">
        <v>135</v>
      </c>
      <c r="E202" s="1">
        <v>13.22</v>
      </c>
      <c r="F202" s="1">
        <v>1784.7</v>
      </c>
      <c r="G202" s="1" t="s">
        <v>6</v>
      </c>
    </row>
    <row r="203" spans="2:7" x14ac:dyDescent="0.35">
      <c r="B203" s="16">
        <v>44496</v>
      </c>
      <c r="C203" s="15">
        <v>44496.686423611114</v>
      </c>
      <c r="D203" s="1">
        <v>46</v>
      </c>
      <c r="E203" s="1">
        <v>13.22</v>
      </c>
      <c r="F203" s="1">
        <v>608.12</v>
      </c>
      <c r="G203" s="1" t="s">
        <v>6</v>
      </c>
    </row>
    <row r="204" spans="2:7" x14ac:dyDescent="0.35">
      <c r="B204" s="16">
        <v>44496</v>
      </c>
      <c r="C204" s="15">
        <v>44496.686423611114</v>
      </c>
      <c r="D204" s="1">
        <v>296</v>
      </c>
      <c r="E204" s="1">
        <v>13.22</v>
      </c>
      <c r="F204" s="1">
        <v>3913.1200000000003</v>
      </c>
      <c r="G204" s="1" t="s">
        <v>6</v>
      </c>
    </row>
    <row r="205" spans="2:7" x14ac:dyDescent="0.35">
      <c r="B205" s="16">
        <v>44496</v>
      </c>
      <c r="C205" s="15">
        <v>44496.686423611114</v>
      </c>
      <c r="D205" s="1">
        <v>127</v>
      </c>
      <c r="E205" s="1">
        <v>13.22</v>
      </c>
      <c r="F205" s="1">
        <v>1678.94</v>
      </c>
      <c r="G205" s="1" t="s">
        <v>6</v>
      </c>
    </row>
    <row r="206" spans="2:7" x14ac:dyDescent="0.35">
      <c r="B206" s="16">
        <v>44496</v>
      </c>
      <c r="C206" s="15">
        <v>44496.686423611114</v>
      </c>
      <c r="D206" s="1">
        <v>342</v>
      </c>
      <c r="E206" s="1">
        <v>13.22</v>
      </c>
      <c r="F206" s="1">
        <v>4521.24</v>
      </c>
      <c r="G206" s="1" t="s">
        <v>6</v>
      </c>
    </row>
    <row r="207" spans="2:7" x14ac:dyDescent="0.35">
      <c r="B207" s="16">
        <v>44496</v>
      </c>
      <c r="C207" s="15">
        <v>44496.686423611114</v>
      </c>
      <c r="D207" s="1">
        <v>272</v>
      </c>
      <c r="E207" s="1">
        <v>13.22</v>
      </c>
      <c r="F207" s="1">
        <v>3595.84</v>
      </c>
      <c r="G207" s="1" t="s">
        <v>6</v>
      </c>
    </row>
    <row r="208" spans="2:7" x14ac:dyDescent="0.35">
      <c r="B208" s="16">
        <v>44496</v>
      </c>
      <c r="C208" s="15">
        <v>44496.686423611114</v>
      </c>
      <c r="D208" s="1">
        <v>145</v>
      </c>
      <c r="E208" s="1">
        <v>13.22</v>
      </c>
      <c r="F208" s="1">
        <v>1916.9</v>
      </c>
      <c r="G208" s="1" t="s">
        <v>6</v>
      </c>
    </row>
    <row r="209" spans="2:7" x14ac:dyDescent="0.35">
      <c r="B209" s="16">
        <v>44496</v>
      </c>
      <c r="C209" s="15">
        <v>44496.686423611114</v>
      </c>
      <c r="D209" s="1">
        <v>329</v>
      </c>
      <c r="E209" s="1">
        <v>13.22</v>
      </c>
      <c r="F209" s="1">
        <v>4349.38</v>
      </c>
      <c r="G209" s="1" t="s">
        <v>6</v>
      </c>
    </row>
    <row r="210" spans="2:7" x14ac:dyDescent="0.35">
      <c r="B210" s="16">
        <v>44496</v>
      </c>
      <c r="C210" s="15">
        <v>44496.714687500003</v>
      </c>
      <c r="D210" s="1">
        <v>313</v>
      </c>
      <c r="E210" s="1">
        <v>13.16</v>
      </c>
      <c r="F210" s="1">
        <v>4119.08</v>
      </c>
      <c r="G210" s="1" t="s">
        <v>6</v>
      </c>
    </row>
    <row r="211" spans="2:7" x14ac:dyDescent="0.35">
      <c r="B211" s="16">
        <v>44496</v>
      </c>
      <c r="C211" s="15">
        <v>44496.714687500003</v>
      </c>
      <c r="D211" s="1">
        <v>16</v>
      </c>
      <c r="E211" s="1">
        <v>13.16</v>
      </c>
      <c r="F211" s="1">
        <v>210.56</v>
      </c>
      <c r="G211" s="1" t="s">
        <v>6</v>
      </c>
    </row>
    <row r="212" spans="2:7" x14ac:dyDescent="0.35">
      <c r="B212" s="16">
        <v>44496</v>
      </c>
      <c r="C212" s="15">
        <v>44496.714687500003</v>
      </c>
      <c r="D212" s="1">
        <v>300</v>
      </c>
      <c r="E212" s="1">
        <v>13.16</v>
      </c>
      <c r="F212" s="1">
        <v>3948</v>
      </c>
      <c r="G212" s="1" t="s">
        <v>6</v>
      </c>
    </row>
    <row r="213" spans="2:7" x14ac:dyDescent="0.35">
      <c r="B213" s="16">
        <v>44496</v>
      </c>
      <c r="C213" s="15">
        <v>44496.721909722219</v>
      </c>
      <c r="D213" s="1">
        <v>492</v>
      </c>
      <c r="E213" s="1">
        <v>13.18</v>
      </c>
      <c r="F213" s="1">
        <v>6484.5599999999995</v>
      </c>
      <c r="G213" s="1" t="s">
        <v>6</v>
      </c>
    </row>
    <row r="214" spans="2:7" x14ac:dyDescent="0.35">
      <c r="B214" s="16">
        <v>44497</v>
      </c>
      <c r="C214" s="15">
        <v>44497.388449074075</v>
      </c>
      <c r="D214" s="1">
        <v>16</v>
      </c>
      <c r="E214" s="1">
        <v>13.1</v>
      </c>
      <c r="F214" s="1">
        <v>209.6</v>
      </c>
      <c r="G214" s="1" t="s">
        <v>6</v>
      </c>
    </row>
    <row r="215" spans="2:7" x14ac:dyDescent="0.35">
      <c r="B215" s="16">
        <v>44497</v>
      </c>
      <c r="C215" s="15">
        <v>44497.39570601852</v>
      </c>
      <c r="D215" s="1">
        <v>82</v>
      </c>
      <c r="E215" s="1">
        <v>13.12</v>
      </c>
      <c r="F215" s="1">
        <v>1075.8399999999999</v>
      </c>
      <c r="G215" s="1" t="s">
        <v>6</v>
      </c>
    </row>
    <row r="216" spans="2:7" x14ac:dyDescent="0.35">
      <c r="B216" s="16">
        <v>44497</v>
      </c>
      <c r="C216" s="15">
        <v>44497.411851851852</v>
      </c>
      <c r="D216" s="1">
        <v>197</v>
      </c>
      <c r="E216" s="1">
        <v>13.14</v>
      </c>
      <c r="F216" s="1">
        <v>2588.58</v>
      </c>
      <c r="G216" s="1" t="s">
        <v>6</v>
      </c>
    </row>
    <row r="217" spans="2:7" x14ac:dyDescent="0.35">
      <c r="B217" s="16">
        <v>44497</v>
      </c>
      <c r="C217" s="15">
        <v>44497.411851851852</v>
      </c>
      <c r="D217" s="1">
        <v>475</v>
      </c>
      <c r="E217" s="1">
        <v>13.14</v>
      </c>
      <c r="F217" s="1">
        <v>6241.5</v>
      </c>
      <c r="G217" s="1" t="s">
        <v>6</v>
      </c>
    </row>
    <row r="218" spans="2:7" x14ac:dyDescent="0.35">
      <c r="B218" s="16">
        <v>44497</v>
      </c>
      <c r="C218" s="15">
        <v>44497.411851851852</v>
      </c>
      <c r="D218" s="1">
        <v>250</v>
      </c>
      <c r="E218" s="1">
        <v>13.14</v>
      </c>
      <c r="F218" s="1">
        <v>3285</v>
      </c>
      <c r="G218" s="1" t="s">
        <v>6</v>
      </c>
    </row>
    <row r="219" spans="2:7" x14ac:dyDescent="0.35">
      <c r="B219" s="16">
        <v>44497</v>
      </c>
      <c r="C219" s="15">
        <v>44497.411851851852</v>
      </c>
      <c r="D219" s="1">
        <v>25</v>
      </c>
      <c r="E219" s="1">
        <v>13.14</v>
      </c>
      <c r="F219" s="1">
        <v>328.5</v>
      </c>
      <c r="G219" s="1" t="s">
        <v>6</v>
      </c>
    </row>
    <row r="220" spans="2:7" x14ac:dyDescent="0.35">
      <c r="B220" s="16">
        <v>44497</v>
      </c>
      <c r="C220" s="15">
        <v>44497.411851851852</v>
      </c>
      <c r="D220" s="1">
        <v>298</v>
      </c>
      <c r="E220" s="1">
        <v>13.14</v>
      </c>
      <c r="F220" s="1">
        <v>3915.7200000000003</v>
      </c>
      <c r="G220" s="1" t="s">
        <v>6</v>
      </c>
    </row>
    <row r="221" spans="2:7" x14ac:dyDescent="0.35">
      <c r="B221" s="16">
        <v>44497</v>
      </c>
      <c r="C221" s="15">
        <v>44497.411851851852</v>
      </c>
      <c r="D221" s="1">
        <v>303</v>
      </c>
      <c r="E221" s="1">
        <v>13.14</v>
      </c>
      <c r="F221" s="1">
        <v>3981.42</v>
      </c>
      <c r="G221" s="1" t="s">
        <v>6</v>
      </c>
    </row>
    <row r="222" spans="2:7" x14ac:dyDescent="0.35">
      <c r="B222" s="16">
        <v>44497</v>
      </c>
      <c r="C222" s="15">
        <v>44497.411851851852</v>
      </c>
      <c r="D222" s="1">
        <v>100</v>
      </c>
      <c r="E222" s="1">
        <v>13.14</v>
      </c>
      <c r="F222" s="1">
        <v>1314</v>
      </c>
      <c r="G222" s="1" t="s">
        <v>6</v>
      </c>
    </row>
    <row r="223" spans="2:7" x14ac:dyDescent="0.35">
      <c r="B223" s="16">
        <v>44497</v>
      </c>
      <c r="C223" s="15">
        <v>44497.411851851852</v>
      </c>
      <c r="D223" s="1">
        <v>717</v>
      </c>
      <c r="E223" s="1">
        <v>13.14</v>
      </c>
      <c r="F223" s="1">
        <v>9421.380000000001</v>
      </c>
      <c r="G223" s="1" t="s">
        <v>6</v>
      </c>
    </row>
    <row r="224" spans="2:7" x14ac:dyDescent="0.35">
      <c r="B224" s="16">
        <v>44497</v>
      </c>
      <c r="C224" s="15">
        <v>44497.419374999998</v>
      </c>
      <c r="D224" s="1">
        <v>260</v>
      </c>
      <c r="E224" s="1">
        <v>13.14</v>
      </c>
      <c r="F224" s="1">
        <v>3416.4</v>
      </c>
      <c r="G224" s="1" t="s">
        <v>6</v>
      </c>
    </row>
    <row r="225" spans="2:7" x14ac:dyDescent="0.35">
      <c r="B225" s="16">
        <v>44497</v>
      </c>
      <c r="C225" s="15">
        <v>44497.419374999998</v>
      </c>
      <c r="D225" s="1">
        <v>228</v>
      </c>
      <c r="E225" s="1">
        <v>13.14</v>
      </c>
      <c r="F225" s="1">
        <v>2995.92</v>
      </c>
      <c r="G225" s="1" t="s">
        <v>6</v>
      </c>
    </row>
    <row r="226" spans="2:7" x14ac:dyDescent="0.35">
      <c r="B226" s="16">
        <v>44497</v>
      </c>
      <c r="C226" s="15">
        <v>44497.419374999998</v>
      </c>
      <c r="D226" s="1">
        <v>47</v>
      </c>
      <c r="E226" s="1">
        <v>13.14</v>
      </c>
      <c r="F226" s="1">
        <v>617.58000000000004</v>
      </c>
      <c r="G226" s="1" t="s">
        <v>6</v>
      </c>
    </row>
    <row r="227" spans="2:7" x14ac:dyDescent="0.35">
      <c r="B227" s="16">
        <v>44497</v>
      </c>
      <c r="C227" s="15">
        <v>44497.437951388885</v>
      </c>
      <c r="D227" s="1">
        <v>279</v>
      </c>
      <c r="E227" s="1">
        <v>13.2</v>
      </c>
      <c r="F227" s="1">
        <v>3682.7999999999997</v>
      </c>
      <c r="G227" s="1" t="s">
        <v>6</v>
      </c>
    </row>
    <row r="228" spans="2:7" x14ac:dyDescent="0.35">
      <c r="B228" s="16">
        <v>44497</v>
      </c>
      <c r="C228" s="15">
        <v>44497.437997685185</v>
      </c>
      <c r="D228" s="1">
        <v>336</v>
      </c>
      <c r="E228" s="1">
        <v>13.18</v>
      </c>
      <c r="F228" s="1">
        <v>4428.4799999999996</v>
      </c>
      <c r="G228" s="1" t="s">
        <v>6</v>
      </c>
    </row>
    <row r="229" spans="2:7" x14ac:dyDescent="0.35">
      <c r="B229" s="16">
        <v>44497</v>
      </c>
      <c r="C229" s="15">
        <v>44497.437997685185</v>
      </c>
      <c r="D229" s="1">
        <v>484</v>
      </c>
      <c r="E229" s="1">
        <v>13.18</v>
      </c>
      <c r="F229" s="1">
        <v>6379.12</v>
      </c>
      <c r="G229" s="1" t="s">
        <v>6</v>
      </c>
    </row>
    <row r="230" spans="2:7" x14ac:dyDescent="0.35">
      <c r="B230" s="16">
        <v>44497</v>
      </c>
      <c r="C230" s="15">
        <v>44497.45853009259</v>
      </c>
      <c r="D230" s="1">
        <v>295</v>
      </c>
      <c r="E230" s="1">
        <v>13.14</v>
      </c>
      <c r="F230" s="1">
        <v>3876.3</v>
      </c>
      <c r="G230" s="1" t="s">
        <v>6</v>
      </c>
    </row>
    <row r="231" spans="2:7" x14ac:dyDescent="0.35">
      <c r="B231" s="16">
        <v>44497</v>
      </c>
      <c r="C231" s="15">
        <v>44497.45853009259</v>
      </c>
      <c r="D231" s="1">
        <v>295</v>
      </c>
      <c r="E231" s="1">
        <v>13.14</v>
      </c>
      <c r="F231" s="1">
        <v>3876.3</v>
      </c>
      <c r="G231" s="1" t="s">
        <v>6</v>
      </c>
    </row>
    <row r="232" spans="2:7" x14ac:dyDescent="0.35">
      <c r="B232" s="16">
        <v>44497</v>
      </c>
      <c r="C232" s="15">
        <v>44497.467581018522</v>
      </c>
      <c r="D232" s="1">
        <v>296</v>
      </c>
      <c r="E232" s="1">
        <v>13.14</v>
      </c>
      <c r="F232" s="1">
        <v>3889.44</v>
      </c>
      <c r="G232" s="1" t="s">
        <v>6</v>
      </c>
    </row>
    <row r="233" spans="2:7" x14ac:dyDescent="0.35">
      <c r="B233" s="16">
        <v>44497</v>
      </c>
      <c r="C233" s="15">
        <v>44497.482858796298</v>
      </c>
      <c r="D233" s="1">
        <v>319</v>
      </c>
      <c r="E233" s="1">
        <v>13.12</v>
      </c>
      <c r="F233" s="1">
        <v>4185.28</v>
      </c>
      <c r="G233" s="1" t="s">
        <v>6</v>
      </c>
    </row>
    <row r="234" spans="2:7" x14ac:dyDescent="0.35">
      <c r="B234" s="16">
        <v>44497</v>
      </c>
      <c r="C234" s="15">
        <v>44497.482858796298</v>
      </c>
      <c r="D234" s="1">
        <v>273</v>
      </c>
      <c r="E234" s="1">
        <v>13.12</v>
      </c>
      <c r="F234" s="1">
        <v>3581.7599999999998</v>
      </c>
      <c r="G234" s="1" t="s">
        <v>6</v>
      </c>
    </row>
    <row r="235" spans="2:7" x14ac:dyDescent="0.35">
      <c r="B235" s="16">
        <v>44497</v>
      </c>
      <c r="C235" s="15">
        <v>44497.502962962964</v>
      </c>
      <c r="D235" s="1">
        <v>286</v>
      </c>
      <c r="E235" s="1">
        <v>13.14</v>
      </c>
      <c r="F235" s="1">
        <v>3758.04</v>
      </c>
      <c r="G235" s="1" t="s">
        <v>6</v>
      </c>
    </row>
    <row r="236" spans="2:7" x14ac:dyDescent="0.35">
      <c r="B236" s="16">
        <v>44497</v>
      </c>
      <c r="C236" s="15">
        <v>44497.511041666665</v>
      </c>
      <c r="D236" s="1">
        <v>62</v>
      </c>
      <c r="E236" s="1">
        <v>13.14</v>
      </c>
      <c r="F236" s="1">
        <v>814.68000000000006</v>
      </c>
      <c r="G236" s="1" t="s">
        <v>6</v>
      </c>
    </row>
    <row r="237" spans="2:7" x14ac:dyDescent="0.35">
      <c r="B237" s="16">
        <v>44497</v>
      </c>
      <c r="C237" s="15">
        <v>44497.511041666665</v>
      </c>
      <c r="D237" s="1">
        <v>262</v>
      </c>
      <c r="E237" s="1">
        <v>13.14</v>
      </c>
      <c r="F237" s="1">
        <v>3442.6800000000003</v>
      </c>
      <c r="G237" s="1" t="s">
        <v>6</v>
      </c>
    </row>
    <row r="238" spans="2:7" x14ac:dyDescent="0.35">
      <c r="B238" s="16">
        <v>44497</v>
      </c>
      <c r="C238" s="15">
        <v>44497.520474537036</v>
      </c>
      <c r="D238" s="1">
        <v>146</v>
      </c>
      <c r="E238" s="1">
        <v>13.14</v>
      </c>
      <c r="F238" s="1">
        <v>1918.44</v>
      </c>
      <c r="G238" s="1" t="s">
        <v>6</v>
      </c>
    </row>
    <row r="239" spans="2:7" x14ac:dyDescent="0.35">
      <c r="B239" s="16">
        <v>44497</v>
      </c>
      <c r="C239" s="15">
        <v>44497.520474537036</v>
      </c>
      <c r="D239" s="1">
        <v>148</v>
      </c>
      <c r="E239" s="1">
        <v>13.14</v>
      </c>
      <c r="F239" s="1">
        <v>1944.72</v>
      </c>
      <c r="G239" s="1" t="s">
        <v>6</v>
      </c>
    </row>
    <row r="240" spans="2:7" x14ac:dyDescent="0.35">
      <c r="B240" s="16">
        <v>44497</v>
      </c>
      <c r="C240" s="15">
        <v>44497.529074074075</v>
      </c>
      <c r="D240" s="1">
        <v>70</v>
      </c>
      <c r="E240" s="1">
        <v>13.12</v>
      </c>
      <c r="F240" s="1">
        <v>918.4</v>
      </c>
      <c r="G240" s="1" t="s">
        <v>6</v>
      </c>
    </row>
    <row r="241" spans="2:7" x14ac:dyDescent="0.35">
      <c r="B241" s="16">
        <v>44497</v>
      </c>
      <c r="C241" s="15">
        <v>44497.529074074075</v>
      </c>
      <c r="D241" s="1">
        <v>250</v>
      </c>
      <c r="E241" s="1">
        <v>13.12</v>
      </c>
      <c r="F241" s="1">
        <v>3280</v>
      </c>
      <c r="G241" s="1" t="s">
        <v>6</v>
      </c>
    </row>
    <row r="242" spans="2:7" x14ac:dyDescent="0.35">
      <c r="B242" s="16">
        <v>44497</v>
      </c>
      <c r="C242" s="15">
        <v>44497.529085648152</v>
      </c>
      <c r="D242" s="1">
        <v>133</v>
      </c>
      <c r="E242" s="1">
        <v>13.1</v>
      </c>
      <c r="F242" s="1">
        <v>1742.3</v>
      </c>
      <c r="G242" s="1" t="s">
        <v>6</v>
      </c>
    </row>
    <row r="243" spans="2:7" x14ac:dyDescent="0.35">
      <c r="B243" s="16">
        <v>44497</v>
      </c>
      <c r="C243" s="15">
        <v>44497.529085648152</v>
      </c>
      <c r="D243" s="1">
        <v>200</v>
      </c>
      <c r="E243" s="1">
        <v>13.1</v>
      </c>
      <c r="F243" s="1">
        <v>2620</v>
      </c>
      <c r="G243" s="1" t="s">
        <v>6</v>
      </c>
    </row>
    <row r="244" spans="2:7" x14ac:dyDescent="0.35">
      <c r="B244" s="16">
        <v>44497</v>
      </c>
      <c r="C244" s="15">
        <v>44497.529085648152</v>
      </c>
      <c r="D244" s="1">
        <v>168</v>
      </c>
      <c r="E244" s="1">
        <v>13.1</v>
      </c>
      <c r="F244" s="1">
        <v>2200.7999999999997</v>
      </c>
      <c r="G244" s="1" t="s">
        <v>6</v>
      </c>
    </row>
    <row r="245" spans="2:7" x14ac:dyDescent="0.35">
      <c r="B245" s="16">
        <v>44497</v>
      </c>
      <c r="C245" s="15">
        <v>44497.529085648152</v>
      </c>
      <c r="D245" s="1">
        <v>368</v>
      </c>
      <c r="E245" s="1">
        <v>13.1</v>
      </c>
      <c r="F245" s="1">
        <v>4820.8</v>
      </c>
      <c r="G245" s="1" t="s">
        <v>6</v>
      </c>
    </row>
    <row r="246" spans="2:7" x14ac:dyDescent="0.35">
      <c r="B246" s="16">
        <v>44497</v>
      </c>
      <c r="C246" s="15">
        <v>44497.565763888888</v>
      </c>
      <c r="D246" s="1">
        <v>220</v>
      </c>
      <c r="E246" s="1">
        <v>13.12</v>
      </c>
      <c r="F246" s="1">
        <v>2886.3999999999996</v>
      </c>
      <c r="G246" s="1" t="s">
        <v>6</v>
      </c>
    </row>
    <row r="247" spans="2:7" x14ac:dyDescent="0.35">
      <c r="B247" s="16">
        <v>44497</v>
      </c>
      <c r="C247" s="15">
        <v>44497.565763888888</v>
      </c>
      <c r="D247" s="1">
        <v>75</v>
      </c>
      <c r="E247" s="1">
        <v>13.12</v>
      </c>
      <c r="F247" s="1">
        <v>983.99999999999989</v>
      </c>
      <c r="G247" s="1" t="s">
        <v>6</v>
      </c>
    </row>
    <row r="248" spans="2:7" x14ac:dyDescent="0.35">
      <c r="B248" s="16">
        <v>44497</v>
      </c>
      <c r="C248" s="15">
        <v>44497.574594907404</v>
      </c>
      <c r="D248" s="1">
        <v>66</v>
      </c>
      <c r="E248" s="1">
        <v>13.12</v>
      </c>
      <c r="F248" s="1">
        <v>865.92</v>
      </c>
      <c r="G248" s="1" t="s">
        <v>6</v>
      </c>
    </row>
    <row r="249" spans="2:7" x14ac:dyDescent="0.35">
      <c r="B249" s="16">
        <v>44497</v>
      </c>
      <c r="C249" s="15">
        <v>44497.574594907404</v>
      </c>
      <c r="D249" s="1">
        <v>79</v>
      </c>
      <c r="E249" s="1">
        <v>13.12</v>
      </c>
      <c r="F249" s="1">
        <v>1036.48</v>
      </c>
      <c r="G249" s="1" t="s">
        <v>6</v>
      </c>
    </row>
    <row r="250" spans="2:7" x14ac:dyDescent="0.35">
      <c r="B250" s="16">
        <v>44497</v>
      </c>
      <c r="C250" s="15">
        <v>44497.574594907404</v>
      </c>
      <c r="D250" s="1">
        <v>63</v>
      </c>
      <c r="E250" s="1">
        <v>13.12</v>
      </c>
      <c r="F250" s="1">
        <v>826.56</v>
      </c>
      <c r="G250" s="1" t="s">
        <v>6</v>
      </c>
    </row>
    <row r="251" spans="2:7" x14ac:dyDescent="0.35">
      <c r="B251" s="16">
        <v>44497</v>
      </c>
      <c r="C251" s="15">
        <v>44497.574594907404</v>
      </c>
      <c r="D251" s="1">
        <v>102</v>
      </c>
      <c r="E251" s="1">
        <v>13.12</v>
      </c>
      <c r="F251" s="1">
        <v>1338.24</v>
      </c>
      <c r="G251" s="1" t="s">
        <v>6</v>
      </c>
    </row>
    <row r="252" spans="2:7" x14ac:dyDescent="0.35">
      <c r="B252" s="16">
        <v>44497</v>
      </c>
      <c r="C252" s="15">
        <v>44497.583391203705</v>
      </c>
      <c r="D252" s="1">
        <v>23</v>
      </c>
      <c r="E252" s="1">
        <v>13.12</v>
      </c>
      <c r="F252" s="1">
        <v>301.76</v>
      </c>
      <c r="G252" s="1" t="s">
        <v>6</v>
      </c>
    </row>
    <row r="253" spans="2:7" x14ac:dyDescent="0.35">
      <c r="B253" s="16">
        <v>44497</v>
      </c>
      <c r="C253" s="15">
        <v>44497.583391203705</v>
      </c>
      <c r="D253" s="1">
        <v>270</v>
      </c>
      <c r="E253" s="1">
        <v>13.12</v>
      </c>
      <c r="F253" s="1">
        <v>3542.3999999999996</v>
      </c>
      <c r="G253" s="1" t="s">
        <v>6</v>
      </c>
    </row>
    <row r="254" spans="2:7" x14ac:dyDescent="0.35">
      <c r="B254" s="16">
        <v>44497</v>
      </c>
      <c r="C254" s="15">
        <v>44497.587326388886</v>
      </c>
      <c r="D254" s="1">
        <v>189</v>
      </c>
      <c r="E254" s="1">
        <v>13.12</v>
      </c>
      <c r="F254" s="1">
        <v>2479.6799999999998</v>
      </c>
      <c r="G254" s="1" t="s">
        <v>6</v>
      </c>
    </row>
    <row r="255" spans="2:7" x14ac:dyDescent="0.35">
      <c r="B255" s="16">
        <v>44497</v>
      </c>
      <c r="C255" s="15">
        <v>44497.592835648145</v>
      </c>
      <c r="D255" s="1">
        <v>150</v>
      </c>
      <c r="E255" s="1">
        <v>13.12</v>
      </c>
      <c r="F255" s="1">
        <v>1967.9999999999998</v>
      </c>
      <c r="G255" s="1" t="s">
        <v>6</v>
      </c>
    </row>
    <row r="256" spans="2:7" x14ac:dyDescent="0.35">
      <c r="B256" s="16">
        <v>44497</v>
      </c>
      <c r="C256" s="15">
        <v>44497.60087962963</v>
      </c>
      <c r="D256" s="1">
        <v>313</v>
      </c>
      <c r="E256" s="1">
        <v>13.12</v>
      </c>
      <c r="F256" s="1">
        <v>4106.5599999999995</v>
      </c>
      <c r="G256" s="1" t="s">
        <v>6</v>
      </c>
    </row>
    <row r="257" spans="2:7" x14ac:dyDescent="0.35">
      <c r="B257" s="16">
        <v>44497</v>
      </c>
      <c r="C257" s="15">
        <v>44497.60087962963</v>
      </c>
      <c r="D257" s="1">
        <v>483</v>
      </c>
      <c r="E257" s="1">
        <v>13.12</v>
      </c>
      <c r="F257" s="1">
        <v>6336.96</v>
      </c>
      <c r="G257" s="1" t="s">
        <v>6</v>
      </c>
    </row>
    <row r="258" spans="2:7" x14ac:dyDescent="0.35">
      <c r="B258" s="16">
        <v>44497</v>
      </c>
      <c r="C258" s="15">
        <v>44497.606863425928</v>
      </c>
      <c r="D258" s="1">
        <v>71</v>
      </c>
      <c r="E258" s="1">
        <v>13.1</v>
      </c>
      <c r="F258" s="1">
        <v>930.1</v>
      </c>
      <c r="G258" s="1" t="s">
        <v>6</v>
      </c>
    </row>
    <row r="259" spans="2:7" x14ac:dyDescent="0.35">
      <c r="B259" s="16">
        <v>44497</v>
      </c>
      <c r="C259" s="15">
        <v>44497.606863425928</v>
      </c>
      <c r="D259" s="1">
        <v>208</v>
      </c>
      <c r="E259" s="1">
        <v>13.1</v>
      </c>
      <c r="F259" s="1">
        <v>2724.7999999999997</v>
      </c>
      <c r="G259" s="1" t="s">
        <v>6</v>
      </c>
    </row>
    <row r="260" spans="2:7" x14ac:dyDescent="0.35">
      <c r="B260" s="16">
        <v>44497</v>
      </c>
      <c r="C260" s="15">
        <v>44497.619479166664</v>
      </c>
      <c r="D260" s="1">
        <v>306</v>
      </c>
      <c r="E260" s="1">
        <v>13.1</v>
      </c>
      <c r="F260" s="1">
        <v>4008.6</v>
      </c>
      <c r="G260" s="1" t="s">
        <v>6</v>
      </c>
    </row>
    <row r="261" spans="2:7" x14ac:dyDescent="0.35">
      <c r="B261" s="16">
        <v>44497</v>
      </c>
      <c r="C261" s="15">
        <v>44497.619479166664</v>
      </c>
      <c r="D261" s="1">
        <v>230</v>
      </c>
      <c r="E261" s="1">
        <v>13.1</v>
      </c>
      <c r="F261" s="1">
        <v>3013</v>
      </c>
      <c r="G261" s="1" t="s">
        <v>6</v>
      </c>
    </row>
    <row r="262" spans="2:7" x14ac:dyDescent="0.35">
      <c r="B262" s="16">
        <v>44497</v>
      </c>
      <c r="C262" s="15">
        <v>44497.619479166664</v>
      </c>
      <c r="D262" s="1">
        <v>61</v>
      </c>
      <c r="E262" s="1">
        <v>13.1</v>
      </c>
      <c r="F262" s="1">
        <v>799.1</v>
      </c>
      <c r="G262" s="1" t="s">
        <v>6</v>
      </c>
    </row>
    <row r="263" spans="2:7" x14ac:dyDescent="0.35">
      <c r="B263" s="16">
        <v>44497</v>
      </c>
      <c r="C263" s="15">
        <v>44497.641400462962</v>
      </c>
      <c r="D263" s="1">
        <v>280</v>
      </c>
      <c r="E263" s="1">
        <v>13.14</v>
      </c>
      <c r="F263" s="1">
        <v>3679.2000000000003</v>
      </c>
      <c r="G263" s="1" t="s">
        <v>6</v>
      </c>
    </row>
    <row r="264" spans="2:7" x14ac:dyDescent="0.35">
      <c r="B264" s="16">
        <v>44497</v>
      </c>
      <c r="C264" s="15">
        <v>44497.661145833335</v>
      </c>
      <c r="D264" s="1">
        <v>229</v>
      </c>
      <c r="E264" s="1">
        <v>13.14</v>
      </c>
      <c r="F264" s="1">
        <v>3009.06</v>
      </c>
      <c r="G264" s="1" t="s">
        <v>6</v>
      </c>
    </row>
    <row r="265" spans="2:7" x14ac:dyDescent="0.35">
      <c r="B265" s="16">
        <v>44497</v>
      </c>
      <c r="C265" s="15">
        <v>44497.669895833336</v>
      </c>
      <c r="D265" s="1">
        <v>276</v>
      </c>
      <c r="E265" s="1">
        <v>13.14</v>
      </c>
      <c r="F265" s="1">
        <v>3626.6400000000003</v>
      </c>
      <c r="G265" s="1" t="s">
        <v>6</v>
      </c>
    </row>
    <row r="266" spans="2:7" x14ac:dyDescent="0.35">
      <c r="B266" s="16">
        <v>44497</v>
      </c>
      <c r="C266" s="15">
        <v>44497.669895833336</v>
      </c>
      <c r="D266" s="1">
        <v>279</v>
      </c>
      <c r="E266" s="1">
        <v>13.14</v>
      </c>
      <c r="F266" s="1">
        <v>3666.06</v>
      </c>
      <c r="G266" s="1" t="s">
        <v>6</v>
      </c>
    </row>
    <row r="267" spans="2:7" x14ac:dyDescent="0.35">
      <c r="B267" s="16">
        <v>44497</v>
      </c>
      <c r="C267" s="15">
        <v>44497.669895833336</v>
      </c>
      <c r="D267" s="1">
        <v>50</v>
      </c>
      <c r="E267" s="1">
        <v>13.14</v>
      </c>
      <c r="F267" s="1">
        <v>657</v>
      </c>
      <c r="G267" s="1" t="s">
        <v>6</v>
      </c>
    </row>
    <row r="268" spans="2:7" x14ac:dyDescent="0.35">
      <c r="B268" s="16">
        <v>44497</v>
      </c>
      <c r="C268" s="15">
        <v>44497.685613425929</v>
      </c>
      <c r="D268" s="1">
        <v>228</v>
      </c>
      <c r="E268" s="1">
        <v>13.18</v>
      </c>
      <c r="F268" s="1">
        <v>3005.04</v>
      </c>
      <c r="G268" s="1" t="s">
        <v>6</v>
      </c>
    </row>
    <row r="269" spans="2:7" x14ac:dyDescent="0.35">
      <c r="B269" s="16">
        <v>44497</v>
      </c>
      <c r="C269" s="15">
        <v>44497.697754629633</v>
      </c>
      <c r="D269" s="1">
        <v>25</v>
      </c>
      <c r="E269" s="1">
        <v>13.18</v>
      </c>
      <c r="F269" s="1">
        <v>329.5</v>
      </c>
      <c r="G269" s="1" t="s">
        <v>6</v>
      </c>
    </row>
    <row r="270" spans="2:7" x14ac:dyDescent="0.35">
      <c r="B270" s="16">
        <v>44497</v>
      </c>
      <c r="C270" s="15">
        <v>44497.698784722219</v>
      </c>
      <c r="D270" s="1">
        <v>438</v>
      </c>
      <c r="E270" s="1">
        <v>13.22</v>
      </c>
      <c r="F270" s="1">
        <v>5790.3600000000006</v>
      </c>
      <c r="G270" s="1" t="s">
        <v>6</v>
      </c>
    </row>
    <row r="271" spans="2:7" x14ac:dyDescent="0.35">
      <c r="B271" s="16">
        <v>44497</v>
      </c>
      <c r="C271" s="15">
        <v>44497.701354166667</v>
      </c>
      <c r="D271" s="1">
        <v>409</v>
      </c>
      <c r="E271" s="1">
        <v>13.28</v>
      </c>
      <c r="F271" s="1">
        <v>5431.5199999999995</v>
      </c>
      <c r="G271" s="1" t="s">
        <v>6</v>
      </c>
    </row>
    <row r="272" spans="2:7" x14ac:dyDescent="0.35">
      <c r="B272" s="16">
        <v>44497</v>
      </c>
      <c r="C272" s="15">
        <v>44497.701354166667</v>
      </c>
      <c r="D272" s="1">
        <v>315</v>
      </c>
      <c r="E272" s="1">
        <v>13.28</v>
      </c>
      <c r="F272" s="1">
        <v>4183.2</v>
      </c>
      <c r="G272" s="1" t="s">
        <v>6</v>
      </c>
    </row>
    <row r="273" spans="2:7" x14ac:dyDescent="0.35">
      <c r="B273" s="16">
        <v>44497</v>
      </c>
      <c r="C273" s="15">
        <v>44497.701354166667</v>
      </c>
      <c r="D273" s="1">
        <v>432</v>
      </c>
      <c r="E273" s="1">
        <v>13.28</v>
      </c>
      <c r="F273" s="1">
        <v>5736.96</v>
      </c>
      <c r="G273" s="1" t="s">
        <v>6</v>
      </c>
    </row>
    <row r="274" spans="2:7" x14ac:dyDescent="0.35">
      <c r="B274" s="16">
        <v>44497</v>
      </c>
      <c r="C274" s="15">
        <v>44497.701354166667</v>
      </c>
      <c r="D274" s="1">
        <v>250</v>
      </c>
      <c r="E274" s="1">
        <v>13.28</v>
      </c>
      <c r="F274" s="1">
        <v>3320</v>
      </c>
      <c r="G274" s="1" t="s">
        <v>6</v>
      </c>
    </row>
    <row r="275" spans="2:7" x14ac:dyDescent="0.35">
      <c r="B275" s="16">
        <v>44497</v>
      </c>
      <c r="C275" s="15">
        <v>44497.701354166667</v>
      </c>
      <c r="D275" s="1">
        <v>102</v>
      </c>
      <c r="E275" s="1">
        <v>13.28</v>
      </c>
      <c r="F275" s="1">
        <v>1354.56</v>
      </c>
      <c r="G275" s="1" t="s">
        <v>6</v>
      </c>
    </row>
    <row r="276" spans="2:7" x14ac:dyDescent="0.35">
      <c r="B276" s="16">
        <v>44497</v>
      </c>
      <c r="C276" s="15">
        <v>44497.701354166667</v>
      </c>
      <c r="D276" s="1">
        <v>419</v>
      </c>
      <c r="E276" s="1">
        <v>13.28</v>
      </c>
      <c r="F276" s="1">
        <v>5564.32</v>
      </c>
      <c r="G276" s="1" t="s">
        <v>6</v>
      </c>
    </row>
    <row r="277" spans="2:7" x14ac:dyDescent="0.35">
      <c r="B277" s="16">
        <v>44497</v>
      </c>
      <c r="C277" s="15">
        <v>44497.704143518517</v>
      </c>
      <c r="D277" s="1">
        <v>24</v>
      </c>
      <c r="E277" s="1">
        <v>13.28</v>
      </c>
      <c r="F277" s="1">
        <v>318.71999999999997</v>
      </c>
      <c r="G277" s="1" t="s">
        <v>6</v>
      </c>
    </row>
    <row r="278" spans="2:7" x14ac:dyDescent="0.35">
      <c r="B278" s="16">
        <v>44497</v>
      </c>
      <c r="C278" s="15">
        <v>44497.704143518517</v>
      </c>
      <c r="D278" s="1">
        <v>250</v>
      </c>
      <c r="E278" s="1">
        <v>13.28</v>
      </c>
      <c r="F278" s="1">
        <v>3320</v>
      </c>
      <c r="G278" s="1" t="s">
        <v>6</v>
      </c>
    </row>
    <row r="279" spans="2:7" x14ac:dyDescent="0.35">
      <c r="B279" s="16">
        <v>44497</v>
      </c>
      <c r="C279" s="15">
        <v>44497.708506944444</v>
      </c>
      <c r="D279" s="1">
        <v>286</v>
      </c>
      <c r="E279" s="1">
        <v>13.26</v>
      </c>
      <c r="F279" s="1">
        <v>3792.36</v>
      </c>
      <c r="G279" s="1" t="s">
        <v>6</v>
      </c>
    </row>
    <row r="280" spans="2:7" x14ac:dyDescent="0.35">
      <c r="B280" s="16">
        <v>44497</v>
      </c>
      <c r="C280" s="15">
        <v>44497.708506944444</v>
      </c>
      <c r="D280" s="1">
        <v>301</v>
      </c>
      <c r="E280" s="1">
        <v>13.26</v>
      </c>
      <c r="F280" s="1">
        <v>3991.2599999999998</v>
      </c>
      <c r="G280" s="1" t="s">
        <v>6</v>
      </c>
    </row>
    <row r="281" spans="2:7" x14ac:dyDescent="0.35">
      <c r="B281" s="16">
        <v>44497</v>
      </c>
      <c r="C281" s="15">
        <v>44497.708506944444</v>
      </c>
      <c r="D281" s="1">
        <v>292</v>
      </c>
      <c r="E281" s="1">
        <v>13.26</v>
      </c>
      <c r="F281" s="1">
        <v>3871.92</v>
      </c>
      <c r="G281" s="1" t="s">
        <v>6</v>
      </c>
    </row>
    <row r="282" spans="2:7" x14ac:dyDescent="0.35">
      <c r="B282" s="16">
        <v>44498</v>
      </c>
      <c r="C282" s="15">
        <v>44498.382754629631</v>
      </c>
      <c r="D282" s="1">
        <v>200</v>
      </c>
      <c r="E282" s="1">
        <v>13.32</v>
      </c>
      <c r="F282" s="1">
        <v>2664</v>
      </c>
      <c r="G282" s="1" t="s">
        <v>6</v>
      </c>
    </row>
    <row r="283" spans="2:7" x14ac:dyDescent="0.35">
      <c r="B283" s="16">
        <v>44498</v>
      </c>
      <c r="C283" s="15">
        <v>44498.382754629631</v>
      </c>
      <c r="D283" s="1">
        <v>88</v>
      </c>
      <c r="E283" s="1">
        <v>13.32</v>
      </c>
      <c r="F283" s="1">
        <v>1172.1600000000001</v>
      </c>
      <c r="G283" s="1" t="s">
        <v>6</v>
      </c>
    </row>
    <row r="284" spans="2:7" x14ac:dyDescent="0.35">
      <c r="B284" s="16">
        <v>44498</v>
      </c>
      <c r="C284" s="15">
        <v>44498.382754629631</v>
      </c>
      <c r="D284" s="1">
        <v>572</v>
      </c>
      <c r="E284" s="1">
        <v>13.32</v>
      </c>
      <c r="F284" s="1">
        <v>7619.04</v>
      </c>
      <c r="G284" s="1" t="s">
        <v>6</v>
      </c>
    </row>
    <row r="285" spans="2:7" x14ac:dyDescent="0.35">
      <c r="B285" s="16">
        <v>44498</v>
      </c>
      <c r="C285" s="15">
        <v>44498.39570601852</v>
      </c>
      <c r="D285" s="1">
        <v>573</v>
      </c>
      <c r="E285" s="1">
        <v>13.3</v>
      </c>
      <c r="F285" s="1">
        <v>7620.9000000000005</v>
      </c>
      <c r="G285" s="1" t="s">
        <v>6</v>
      </c>
    </row>
    <row r="286" spans="2:7" x14ac:dyDescent="0.35">
      <c r="B286" s="16">
        <v>44498</v>
      </c>
      <c r="C286" s="15">
        <v>44498.39570601852</v>
      </c>
      <c r="D286" s="1">
        <v>273</v>
      </c>
      <c r="E286" s="1">
        <v>13.3</v>
      </c>
      <c r="F286" s="1">
        <v>3630.9</v>
      </c>
      <c r="G286" s="1" t="s">
        <v>6</v>
      </c>
    </row>
    <row r="287" spans="2:7" x14ac:dyDescent="0.35">
      <c r="B287" s="16">
        <v>44498</v>
      </c>
      <c r="C287" s="15">
        <v>44498.415162037039</v>
      </c>
      <c r="D287" s="1">
        <v>26</v>
      </c>
      <c r="E287" s="1">
        <v>13.24</v>
      </c>
      <c r="F287" s="1">
        <v>344.24</v>
      </c>
      <c r="G287" s="1" t="s">
        <v>6</v>
      </c>
    </row>
    <row r="288" spans="2:7" x14ac:dyDescent="0.35">
      <c r="B288" s="16">
        <v>44498</v>
      </c>
      <c r="C288" s="15">
        <v>44498.415856481479</v>
      </c>
      <c r="D288" s="1">
        <v>35</v>
      </c>
      <c r="E288" s="1">
        <v>13.24</v>
      </c>
      <c r="F288" s="1">
        <v>463.40000000000003</v>
      </c>
      <c r="G288" s="1" t="s">
        <v>6</v>
      </c>
    </row>
    <row r="289" spans="2:14" x14ac:dyDescent="0.35">
      <c r="B289" s="16">
        <v>44498</v>
      </c>
      <c r="C289" s="15">
        <v>44498.417245370372</v>
      </c>
      <c r="D289" s="1">
        <v>29</v>
      </c>
      <c r="E289" s="1">
        <v>13.24</v>
      </c>
      <c r="F289" s="1">
        <v>383.96</v>
      </c>
      <c r="G289" s="1" t="s">
        <v>6</v>
      </c>
    </row>
    <row r="290" spans="2:14" x14ac:dyDescent="0.35">
      <c r="B290" s="16">
        <v>44498</v>
      </c>
      <c r="C290" s="15">
        <v>44498.417939814812</v>
      </c>
      <c r="D290" s="1">
        <v>33</v>
      </c>
      <c r="E290" s="1">
        <v>13.24</v>
      </c>
      <c r="F290" s="1">
        <v>436.92</v>
      </c>
      <c r="G290" s="1" t="s">
        <v>6</v>
      </c>
    </row>
    <row r="291" spans="2:14" x14ac:dyDescent="0.35">
      <c r="B291" s="16">
        <v>44498</v>
      </c>
      <c r="C291" s="15">
        <v>44498.424907407411</v>
      </c>
      <c r="D291" s="1">
        <v>25</v>
      </c>
      <c r="E291" s="1">
        <v>13.26</v>
      </c>
      <c r="F291" s="1">
        <v>331.5</v>
      </c>
      <c r="G291" s="1" t="s">
        <v>6</v>
      </c>
    </row>
    <row r="292" spans="2:14" x14ac:dyDescent="0.35">
      <c r="B292" s="16">
        <v>44498</v>
      </c>
      <c r="C292" s="15">
        <v>44498.42627314815</v>
      </c>
      <c r="D292" s="1">
        <v>24</v>
      </c>
      <c r="E292" s="1">
        <v>13.26</v>
      </c>
      <c r="F292" s="1">
        <v>318.24</v>
      </c>
      <c r="G292" s="1" t="s">
        <v>6</v>
      </c>
    </row>
    <row r="293" spans="2:14" x14ac:dyDescent="0.35">
      <c r="B293" s="16">
        <v>44498</v>
      </c>
      <c r="C293" s="15">
        <v>44498.42696759259</v>
      </c>
      <c r="D293" s="1">
        <v>25</v>
      </c>
      <c r="E293" s="1">
        <v>13.26</v>
      </c>
      <c r="F293" s="1">
        <v>331.5</v>
      </c>
      <c r="G293" s="1" t="s">
        <v>6</v>
      </c>
    </row>
    <row r="294" spans="2:14" x14ac:dyDescent="0.35">
      <c r="B294" s="16">
        <v>44498</v>
      </c>
      <c r="C294" s="15">
        <v>44498.428368055553</v>
      </c>
      <c r="D294" s="1">
        <v>20</v>
      </c>
      <c r="E294" s="1">
        <v>13.26</v>
      </c>
      <c r="F294" s="1">
        <v>265.2</v>
      </c>
      <c r="G294" s="1" t="s">
        <v>6</v>
      </c>
    </row>
    <row r="295" spans="2:14" x14ac:dyDescent="0.35">
      <c r="B295" s="16">
        <v>44498</v>
      </c>
      <c r="C295" s="15">
        <v>44498.429745370369</v>
      </c>
      <c r="D295" s="1">
        <v>28</v>
      </c>
      <c r="E295" s="1">
        <v>13.26</v>
      </c>
      <c r="F295" s="1">
        <v>371.28</v>
      </c>
      <c r="G295" s="1" t="s">
        <v>6</v>
      </c>
    </row>
    <row r="296" spans="2:14" x14ac:dyDescent="0.35">
      <c r="B296" s="16">
        <v>44498</v>
      </c>
      <c r="C296" s="15">
        <v>44498.431134259263</v>
      </c>
      <c r="D296" s="1">
        <v>32</v>
      </c>
      <c r="E296" s="1">
        <v>13.26</v>
      </c>
      <c r="F296" s="1">
        <v>424.32</v>
      </c>
      <c r="G296" s="1" t="s">
        <v>6</v>
      </c>
    </row>
    <row r="297" spans="2:14" x14ac:dyDescent="0.35">
      <c r="B297" s="16">
        <v>44498</v>
      </c>
      <c r="C297" s="15">
        <v>44498.431817129633</v>
      </c>
      <c r="D297" s="1">
        <v>25</v>
      </c>
      <c r="E297" s="1">
        <v>13.26</v>
      </c>
      <c r="F297" s="1">
        <v>331.5</v>
      </c>
      <c r="G297" s="1" t="s">
        <v>6</v>
      </c>
    </row>
    <row r="298" spans="2:14" x14ac:dyDescent="0.35">
      <c r="B298" s="16">
        <v>44498</v>
      </c>
      <c r="C298" s="15">
        <v>44498.433217592596</v>
      </c>
      <c r="D298" s="1">
        <v>28</v>
      </c>
      <c r="E298" s="1">
        <v>13.26</v>
      </c>
      <c r="F298" s="1">
        <v>371.28</v>
      </c>
      <c r="G298" s="1" t="s">
        <v>6</v>
      </c>
    </row>
    <row r="299" spans="2:14" x14ac:dyDescent="0.35">
      <c r="B299" s="16">
        <v>44498</v>
      </c>
      <c r="C299" s="15">
        <v>44498.433912037035</v>
      </c>
      <c r="D299" s="1">
        <v>19</v>
      </c>
      <c r="E299" s="1">
        <v>13.26</v>
      </c>
      <c r="F299" s="1">
        <v>251.94</v>
      </c>
      <c r="G299" s="1" t="s">
        <v>6</v>
      </c>
    </row>
    <row r="300" spans="2:14" x14ac:dyDescent="0.35">
      <c r="B300" s="16">
        <v>44498</v>
      </c>
      <c r="C300" s="15">
        <v>44498.435300925928</v>
      </c>
      <c r="D300" s="1">
        <v>22</v>
      </c>
      <c r="E300" s="1">
        <v>13.26</v>
      </c>
      <c r="F300" s="1">
        <v>291.71999999999997</v>
      </c>
      <c r="G300" s="1" t="s">
        <v>6</v>
      </c>
    </row>
    <row r="301" spans="2:14" x14ac:dyDescent="0.35">
      <c r="B301" s="16">
        <v>44498</v>
      </c>
      <c r="C301" s="15">
        <v>44498.436006944445</v>
      </c>
      <c r="D301" s="1">
        <v>24</v>
      </c>
      <c r="E301" s="1">
        <v>13.26</v>
      </c>
      <c r="F301" s="1">
        <v>318.24</v>
      </c>
      <c r="G301" s="1" t="s">
        <v>6</v>
      </c>
    </row>
    <row r="302" spans="2:14" x14ac:dyDescent="0.35">
      <c r="B302" s="16">
        <v>44498</v>
      </c>
      <c r="C302" s="15">
        <v>44498.436562499999</v>
      </c>
      <c r="D302" s="1">
        <v>75</v>
      </c>
      <c r="E302" s="1">
        <v>13.26</v>
      </c>
      <c r="F302" s="1">
        <v>994.5</v>
      </c>
      <c r="G302" s="1" t="s">
        <v>6</v>
      </c>
    </row>
    <row r="303" spans="2:14" x14ac:dyDescent="0.35">
      <c r="B303" s="16">
        <v>44498</v>
      </c>
      <c r="C303" s="15">
        <v>44498.437407407408</v>
      </c>
      <c r="D303" s="1">
        <v>28</v>
      </c>
      <c r="E303" s="1">
        <v>13.26</v>
      </c>
      <c r="F303" s="1">
        <v>371.28</v>
      </c>
      <c r="G303" s="1" t="s">
        <v>6</v>
      </c>
    </row>
    <row r="304" spans="2:14" x14ac:dyDescent="0.35">
      <c r="B304" s="16">
        <v>44498</v>
      </c>
      <c r="C304" s="15">
        <v>44498.437800925924</v>
      </c>
      <c r="D304" s="1">
        <v>94</v>
      </c>
      <c r="E304" s="1">
        <v>13.26</v>
      </c>
      <c r="F304" s="1">
        <v>1246.44</v>
      </c>
      <c r="G304" s="1" t="s">
        <v>6</v>
      </c>
      <c r="N304" s="16"/>
    </row>
    <row r="305" spans="2:7" x14ac:dyDescent="0.35">
      <c r="B305" s="16">
        <v>44498</v>
      </c>
      <c r="C305" s="15">
        <v>44498.437800925924</v>
      </c>
      <c r="D305" s="1">
        <v>231</v>
      </c>
      <c r="E305" s="1">
        <v>13.26</v>
      </c>
      <c r="F305" s="1">
        <v>3063.06</v>
      </c>
      <c r="G305" s="1" t="s">
        <v>6</v>
      </c>
    </row>
    <row r="306" spans="2:7" x14ac:dyDescent="0.35">
      <c r="B306" s="16">
        <v>44498</v>
      </c>
      <c r="C306" s="15">
        <v>44498.437800925924</v>
      </c>
      <c r="D306" s="1">
        <v>325</v>
      </c>
      <c r="E306" s="1">
        <v>13.26</v>
      </c>
      <c r="F306" s="1">
        <v>4309.5</v>
      </c>
      <c r="G306" s="1" t="s">
        <v>6</v>
      </c>
    </row>
    <row r="307" spans="2:7" x14ac:dyDescent="0.35">
      <c r="B307" s="16">
        <v>44498</v>
      </c>
      <c r="C307" s="15">
        <v>44498.439479166664</v>
      </c>
      <c r="D307" s="1">
        <v>32</v>
      </c>
      <c r="E307" s="1">
        <v>13.26</v>
      </c>
      <c r="F307" s="1">
        <v>424.32</v>
      </c>
      <c r="G307" s="1" t="s">
        <v>6</v>
      </c>
    </row>
    <row r="308" spans="2:7" x14ac:dyDescent="0.35">
      <c r="B308" s="16">
        <v>44498</v>
      </c>
      <c r="C308" s="15">
        <v>44498.440150462964</v>
      </c>
      <c r="D308" s="1">
        <v>26</v>
      </c>
      <c r="E308" s="1">
        <v>13.26</v>
      </c>
      <c r="F308" s="1">
        <v>344.76</v>
      </c>
      <c r="G308" s="1" t="s">
        <v>6</v>
      </c>
    </row>
    <row r="309" spans="2:7" x14ac:dyDescent="0.35">
      <c r="B309" s="16">
        <v>44498</v>
      </c>
      <c r="C309" s="15">
        <v>44498.441550925927</v>
      </c>
      <c r="D309" s="1">
        <v>29</v>
      </c>
      <c r="E309" s="1">
        <v>13.26</v>
      </c>
      <c r="F309" s="1">
        <v>384.54</v>
      </c>
      <c r="G309" s="1" t="s">
        <v>6</v>
      </c>
    </row>
    <row r="310" spans="2:7" x14ac:dyDescent="0.35">
      <c r="B310" s="16">
        <v>44498</v>
      </c>
      <c r="C310" s="15">
        <v>44498.441689814812</v>
      </c>
      <c r="D310" s="1">
        <v>356</v>
      </c>
      <c r="E310" s="1">
        <v>13.26</v>
      </c>
      <c r="F310" s="1">
        <v>4720.5599999999995</v>
      </c>
      <c r="G310" s="1" t="s">
        <v>6</v>
      </c>
    </row>
    <row r="311" spans="2:7" x14ac:dyDescent="0.35">
      <c r="B311" s="16">
        <v>44498</v>
      </c>
      <c r="C311" s="15">
        <v>44498.44295138889</v>
      </c>
      <c r="D311" s="1">
        <v>10</v>
      </c>
      <c r="E311" s="1">
        <v>13.26</v>
      </c>
      <c r="F311" s="1">
        <v>132.6</v>
      </c>
      <c r="G311" s="1" t="s">
        <v>6</v>
      </c>
    </row>
    <row r="312" spans="2:7" x14ac:dyDescent="0.35">
      <c r="B312" s="16">
        <v>44498</v>
      </c>
      <c r="C312" s="15">
        <v>44498.44295138889</v>
      </c>
      <c r="D312" s="1">
        <v>37</v>
      </c>
      <c r="E312" s="1">
        <v>13.26</v>
      </c>
      <c r="F312" s="1">
        <v>490.62</v>
      </c>
      <c r="G312" s="1" t="s">
        <v>6</v>
      </c>
    </row>
    <row r="313" spans="2:7" x14ac:dyDescent="0.35">
      <c r="B313" s="16">
        <v>44498</v>
      </c>
      <c r="C313" s="15">
        <v>44498.443541666667</v>
      </c>
      <c r="D313" s="1">
        <v>292</v>
      </c>
      <c r="E313" s="1">
        <v>13.24</v>
      </c>
      <c r="F313" s="1">
        <v>3866.08</v>
      </c>
      <c r="G313" s="1" t="s">
        <v>6</v>
      </c>
    </row>
    <row r="314" spans="2:7" x14ac:dyDescent="0.35">
      <c r="B314" s="16">
        <v>44498</v>
      </c>
      <c r="C314" s="15">
        <v>44498.443541666667</v>
      </c>
      <c r="D314" s="1">
        <v>885</v>
      </c>
      <c r="E314" s="1">
        <v>13.24</v>
      </c>
      <c r="F314" s="1">
        <v>11717.4</v>
      </c>
      <c r="G314" s="1" t="s">
        <v>6</v>
      </c>
    </row>
    <row r="315" spans="2:7" x14ac:dyDescent="0.35">
      <c r="B315" s="16">
        <v>44498</v>
      </c>
      <c r="C315" s="15">
        <v>44498.443541666667</v>
      </c>
      <c r="D315" s="1">
        <v>275</v>
      </c>
      <c r="E315" s="1">
        <v>13.26</v>
      </c>
      <c r="F315" s="1">
        <v>3646.5</v>
      </c>
      <c r="G315" s="1" t="s">
        <v>6</v>
      </c>
    </row>
    <row r="316" spans="2:7" x14ac:dyDescent="0.35">
      <c r="B316" s="16">
        <v>44498</v>
      </c>
      <c r="C316" s="15">
        <v>44498.467233796298</v>
      </c>
      <c r="D316" s="1">
        <v>16</v>
      </c>
      <c r="E316" s="1">
        <v>13.2</v>
      </c>
      <c r="F316" s="1">
        <v>211.2</v>
      </c>
      <c r="G316" s="1" t="s">
        <v>6</v>
      </c>
    </row>
    <row r="317" spans="2:7" x14ac:dyDescent="0.35">
      <c r="B317" s="16">
        <v>44498</v>
      </c>
      <c r="C317" s="15">
        <v>44498.467523148145</v>
      </c>
      <c r="D317" s="1">
        <v>227</v>
      </c>
      <c r="E317" s="1">
        <v>13.2</v>
      </c>
      <c r="F317" s="1">
        <v>2996.3999999999996</v>
      </c>
      <c r="G317" s="1" t="s">
        <v>6</v>
      </c>
    </row>
    <row r="318" spans="2:7" x14ac:dyDescent="0.35">
      <c r="B318" s="16">
        <v>44498</v>
      </c>
      <c r="C318" s="15">
        <v>44498.467939814815</v>
      </c>
      <c r="D318" s="1">
        <v>17</v>
      </c>
      <c r="E318" s="1">
        <v>13.2</v>
      </c>
      <c r="F318" s="1">
        <v>224.39999999999998</v>
      </c>
      <c r="G318" s="1" t="s">
        <v>6</v>
      </c>
    </row>
    <row r="319" spans="2:7" x14ac:dyDescent="0.35">
      <c r="B319" s="16">
        <v>44498</v>
      </c>
      <c r="C319" s="15">
        <v>44498.468078703707</v>
      </c>
      <c r="D319" s="1">
        <v>230</v>
      </c>
      <c r="E319" s="1">
        <v>13.2</v>
      </c>
      <c r="F319" s="1">
        <v>3036</v>
      </c>
      <c r="G319" s="1" t="s">
        <v>6</v>
      </c>
    </row>
    <row r="320" spans="2:7" x14ac:dyDescent="0.35">
      <c r="B320" s="16">
        <v>44498</v>
      </c>
      <c r="C320" s="15">
        <v>44498.468078703707</v>
      </c>
      <c r="D320" s="1">
        <v>51</v>
      </c>
      <c r="E320" s="1">
        <v>13.2</v>
      </c>
      <c r="F320" s="1">
        <v>673.19999999999993</v>
      </c>
      <c r="G320" s="1" t="s">
        <v>6</v>
      </c>
    </row>
    <row r="321" spans="2:7" x14ac:dyDescent="0.35">
      <c r="B321" s="16">
        <v>44498</v>
      </c>
      <c r="C321" s="15">
        <v>44498.468078703707</v>
      </c>
      <c r="D321" s="1">
        <v>54</v>
      </c>
      <c r="E321" s="1">
        <v>13.2</v>
      </c>
      <c r="F321" s="1">
        <v>712.8</v>
      </c>
      <c r="G321" s="1" t="s">
        <v>6</v>
      </c>
    </row>
    <row r="322" spans="2:7" x14ac:dyDescent="0.35">
      <c r="B322" s="16">
        <v>44498</v>
      </c>
      <c r="C322" s="15">
        <v>44498.479120370372</v>
      </c>
      <c r="D322" s="1">
        <v>35</v>
      </c>
      <c r="E322" s="1">
        <v>13.14</v>
      </c>
      <c r="F322" s="1">
        <v>459.90000000000003</v>
      </c>
      <c r="G322" s="1" t="s">
        <v>6</v>
      </c>
    </row>
    <row r="323" spans="2:7" x14ac:dyDescent="0.35">
      <c r="B323" s="16">
        <v>44498</v>
      </c>
      <c r="C323" s="15">
        <v>44498.480439814812</v>
      </c>
      <c r="D323" s="1">
        <v>34</v>
      </c>
      <c r="E323" s="1">
        <v>13.14</v>
      </c>
      <c r="F323" s="1">
        <v>446.76</v>
      </c>
      <c r="G323" s="1" t="s">
        <v>6</v>
      </c>
    </row>
    <row r="324" spans="2:7" x14ac:dyDescent="0.35">
      <c r="B324" s="16">
        <v>44498</v>
      </c>
      <c r="C324" s="15">
        <v>44498.481828703705</v>
      </c>
      <c r="D324" s="1">
        <v>33</v>
      </c>
      <c r="E324" s="1">
        <v>13.14</v>
      </c>
      <c r="F324" s="1">
        <v>433.62</v>
      </c>
      <c r="G324" s="1" t="s">
        <v>6</v>
      </c>
    </row>
    <row r="325" spans="2:7" x14ac:dyDescent="0.35">
      <c r="B325" s="16">
        <v>44498</v>
      </c>
      <c r="C325" s="15">
        <v>44498.482546296298</v>
      </c>
      <c r="D325" s="1">
        <v>34</v>
      </c>
      <c r="E325" s="1">
        <v>13.14</v>
      </c>
      <c r="F325" s="1">
        <v>446.76</v>
      </c>
      <c r="G325" s="1" t="s">
        <v>6</v>
      </c>
    </row>
    <row r="326" spans="2:7" x14ac:dyDescent="0.35">
      <c r="B326" s="16">
        <v>44498</v>
      </c>
      <c r="C326" s="15">
        <v>44498.482812499999</v>
      </c>
      <c r="D326" s="1">
        <v>133</v>
      </c>
      <c r="E326" s="1">
        <v>13.14</v>
      </c>
      <c r="F326" s="1">
        <v>1747.6200000000001</v>
      </c>
      <c r="G326" s="1" t="s">
        <v>6</v>
      </c>
    </row>
    <row r="327" spans="2:7" x14ac:dyDescent="0.35">
      <c r="B327" s="16">
        <v>44498</v>
      </c>
      <c r="C327" s="15">
        <v>44498.483935185184</v>
      </c>
      <c r="D327" s="1">
        <v>33</v>
      </c>
      <c r="E327" s="1">
        <v>13.14</v>
      </c>
      <c r="F327" s="1">
        <v>433.62</v>
      </c>
      <c r="G327" s="1" t="s">
        <v>6</v>
      </c>
    </row>
    <row r="328" spans="2:7" x14ac:dyDescent="0.35">
      <c r="B328" s="16">
        <v>44498</v>
      </c>
      <c r="C328" s="15">
        <v>44498.484085648146</v>
      </c>
      <c r="D328" s="1">
        <v>11</v>
      </c>
      <c r="E328" s="1">
        <v>13.14</v>
      </c>
      <c r="F328" s="1">
        <v>144.54000000000002</v>
      </c>
      <c r="G328" s="1" t="s">
        <v>6</v>
      </c>
    </row>
    <row r="329" spans="2:7" x14ac:dyDescent="0.35">
      <c r="B329" s="16">
        <v>44498</v>
      </c>
      <c r="C329" s="15">
        <v>44498.499328703707</v>
      </c>
      <c r="D329" s="1">
        <v>181</v>
      </c>
      <c r="E329" s="1">
        <v>13.14</v>
      </c>
      <c r="F329" s="1">
        <v>2378.34</v>
      </c>
      <c r="G329" s="1" t="s">
        <v>6</v>
      </c>
    </row>
    <row r="330" spans="2:7" x14ac:dyDescent="0.35">
      <c r="B330" s="16">
        <v>44498</v>
      </c>
      <c r="C330" s="15">
        <v>44498.500578703701</v>
      </c>
      <c r="D330" s="1">
        <v>27</v>
      </c>
      <c r="E330" s="1">
        <v>13.14</v>
      </c>
      <c r="F330" s="1">
        <v>354.78000000000003</v>
      </c>
      <c r="G330" s="1" t="s">
        <v>6</v>
      </c>
    </row>
    <row r="331" spans="2:7" x14ac:dyDescent="0.35">
      <c r="B331" s="16">
        <v>44498</v>
      </c>
      <c r="C331" s="15">
        <v>44498.501273148147</v>
      </c>
      <c r="D331" s="1">
        <v>30</v>
      </c>
      <c r="E331" s="1">
        <v>13.14</v>
      </c>
      <c r="F331" s="1">
        <v>394.20000000000005</v>
      </c>
      <c r="G331" s="1" t="s">
        <v>6</v>
      </c>
    </row>
    <row r="332" spans="2:7" x14ac:dyDescent="0.35">
      <c r="B332" s="16">
        <v>44498</v>
      </c>
      <c r="C332" s="15">
        <v>44498.502662037034</v>
      </c>
      <c r="D332" s="1">
        <v>30</v>
      </c>
      <c r="E332" s="1">
        <v>13.14</v>
      </c>
      <c r="F332" s="1">
        <v>394.20000000000005</v>
      </c>
      <c r="G332" s="1" t="s">
        <v>6</v>
      </c>
    </row>
    <row r="333" spans="2:7" x14ac:dyDescent="0.35">
      <c r="B333" s="16">
        <v>44498</v>
      </c>
      <c r="C333" s="15">
        <v>44498.503368055557</v>
      </c>
      <c r="D333" s="1">
        <v>31</v>
      </c>
      <c r="E333" s="1">
        <v>13.14</v>
      </c>
      <c r="F333" s="1">
        <v>407.34000000000003</v>
      </c>
      <c r="G333" s="1" t="s">
        <v>6</v>
      </c>
    </row>
    <row r="334" spans="2:7" x14ac:dyDescent="0.35">
      <c r="B334" s="16">
        <v>44498</v>
      </c>
      <c r="C334" s="15">
        <v>44498.50545138889</v>
      </c>
      <c r="D334" s="1">
        <v>30</v>
      </c>
      <c r="E334" s="1">
        <v>13.14</v>
      </c>
      <c r="F334" s="1">
        <v>394.20000000000005</v>
      </c>
      <c r="G334" s="1" t="s">
        <v>6</v>
      </c>
    </row>
    <row r="335" spans="2:7" x14ac:dyDescent="0.35">
      <c r="B335" s="16">
        <v>44498</v>
      </c>
      <c r="C335" s="15">
        <v>44498.506145833337</v>
      </c>
      <c r="D335" s="1">
        <v>30</v>
      </c>
      <c r="E335" s="1">
        <v>13.14</v>
      </c>
      <c r="F335" s="1">
        <v>394.20000000000005</v>
      </c>
      <c r="G335" s="1" t="s">
        <v>6</v>
      </c>
    </row>
    <row r="336" spans="2:7" x14ac:dyDescent="0.35">
      <c r="B336" s="16">
        <v>44498</v>
      </c>
      <c r="C336" s="15">
        <v>44498.507337962961</v>
      </c>
      <c r="D336" s="1">
        <v>66</v>
      </c>
      <c r="E336" s="1">
        <v>13.2</v>
      </c>
      <c r="F336" s="1">
        <v>871.19999999999993</v>
      </c>
      <c r="G336" s="1" t="s">
        <v>6</v>
      </c>
    </row>
    <row r="337" spans="2:7" x14ac:dyDescent="0.35">
      <c r="B337" s="16">
        <v>44498</v>
      </c>
      <c r="C337" s="15">
        <v>44498.507337962961</v>
      </c>
      <c r="D337" s="1">
        <v>262</v>
      </c>
      <c r="E337" s="1">
        <v>13.2</v>
      </c>
      <c r="F337" s="1">
        <v>3458.3999999999996</v>
      </c>
      <c r="G337" s="1" t="s">
        <v>6</v>
      </c>
    </row>
    <row r="338" spans="2:7" x14ac:dyDescent="0.35">
      <c r="B338" s="16">
        <v>44498</v>
      </c>
      <c r="C338" s="15">
        <v>44498.521527777775</v>
      </c>
      <c r="D338" s="1">
        <v>200</v>
      </c>
      <c r="E338" s="1">
        <v>13.16</v>
      </c>
      <c r="F338" s="1">
        <v>2632</v>
      </c>
      <c r="G338" s="1" t="s">
        <v>6</v>
      </c>
    </row>
    <row r="339" spans="2:7" x14ac:dyDescent="0.35">
      <c r="B339" s="16">
        <v>44498</v>
      </c>
      <c r="C339" s="15">
        <v>44498.522789351853</v>
      </c>
      <c r="D339" s="1">
        <v>27</v>
      </c>
      <c r="E339" s="1">
        <v>13.16</v>
      </c>
      <c r="F339" s="1">
        <v>355.32</v>
      </c>
      <c r="G339" s="1" t="s">
        <v>6</v>
      </c>
    </row>
    <row r="340" spans="2:7" x14ac:dyDescent="0.35">
      <c r="B340" s="16">
        <v>44498</v>
      </c>
      <c r="C340" s="15">
        <v>44498.523495370369</v>
      </c>
      <c r="D340" s="1">
        <v>28</v>
      </c>
      <c r="E340" s="1">
        <v>13.16</v>
      </c>
      <c r="F340" s="1">
        <v>368.48</v>
      </c>
      <c r="G340" s="1" t="s">
        <v>6</v>
      </c>
    </row>
    <row r="341" spans="2:7" x14ac:dyDescent="0.35">
      <c r="B341" s="16">
        <v>44498</v>
      </c>
      <c r="C341" s="15">
        <v>44498.524872685186</v>
      </c>
      <c r="D341" s="1">
        <v>28</v>
      </c>
      <c r="E341" s="1">
        <v>13.16</v>
      </c>
      <c r="F341" s="1">
        <v>368.48</v>
      </c>
      <c r="G341" s="1" t="s">
        <v>6</v>
      </c>
    </row>
    <row r="342" spans="2:7" x14ac:dyDescent="0.35">
      <c r="B342" s="16">
        <v>44498</v>
      </c>
      <c r="C342" s="15">
        <v>44498.525000000001</v>
      </c>
      <c r="D342" s="1">
        <v>249</v>
      </c>
      <c r="E342" s="1">
        <v>13.16</v>
      </c>
      <c r="F342" s="1">
        <v>3276.84</v>
      </c>
      <c r="G342" s="1" t="s">
        <v>6</v>
      </c>
    </row>
    <row r="343" spans="2:7" x14ac:dyDescent="0.35">
      <c r="B343" s="16">
        <v>44498</v>
      </c>
      <c r="C343" s="15">
        <v>44498.532696759263</v>
      </c>
      <c r="D343" s="1">
        <v>290</v>
      </c>
      <c r="E343" s="1">
        <v>13.14</v>
      </c>
      <c r="F343" s="1">
        <v>3810.6000000000004</v>
      </c>
      <c r="G343" s="1" t="s">
        <v>6</v>
      </c>
    </row>
    <row r="344" spans="2:7" x14ac:dyDescent="0.35">
      <c r="B344" s="16">
        <v>44498</v>
      </c>
      <c r="C344" s="15">
        <v>44498.543923611112</v>
      </c>
      <c r="D344" s="1">
        <v>781</v>
      </c>
      <c r="E344" s="1">
        <v>13.14</v>
      </c>
      <c r="F344" s="1">
        <v>10262.34</v>
      </c>
      <c r="G344" s="1" t="s">
        <v>6</v>
      </c>
    </row>
    <row r="345" spans="2:7" x14ac:dyDescent="0.35">
      <c r="B345" s="16">
        <v>44498</v>
      </c>
      <c r="C345" s="15">
        <v>44498.543923611112</v>
      </c>
      <c r="D345" s="1">
        <v>275</v>
      </c>
      <c r="E345" s="1">
        <v>13.14</v>
      </c>
      <c r="F345" s="1">
        <v>3613.5</v>
      </c>
      <c r="G345" s="1" t="s">
        <v>6</v>
      </c>
    </row>
    <row r="346" spans="2:7" x14ac:dyDescent="0.35">
      <c r="B346" s="16">
        <v>44498</v>
      </c>
      <c r="C346" s="15">
        <v>44498.559050925927</v>
      </c>
      <c r="D346" s="1">
        <v>26</v>
      </c>
      <c r="E346" s="1">
        <v>13.06</v>
      </c>
      <c r="F346" s="1">
        <v>339.56</v>
      </c>
      <c r="G346" s="1" t="s">
        <v>6</v>
      </c>
    </row>
    <row r="347" spans="2:7" x14ac:dyDescent="0.35">
      <c r="B347" s="16">
        <v>44498</v>
      </c>
      <c r="C347" s="15">
        <v>44498.559050925927</v>
      </c>
      <c r="D347" s="1">
        <v>277</v>
      </c>
      <c r="E347" s="1">
        <v>13.06</v>
      </c>
      <c r="F347" s="1">
        <v>3617.6200000000003</v>
      </c>
      <c r="G347" s="1" t="s">
        <v>6</v>
      </c>
    </row>
    <row r="348" spans="2:7" x14ac:dyDescent="0.35">
      <c r="B348" s="16">
        <v>44498</v>
      </c>
      <c r="C348" s="15">
        <v>44498.559050925927</v>
      </c>
      <c r="D348" s="1">
        <v>4</v>
      </c>
      <c r="E348" s="1">
        <v>13.06</v>
      </c>
      <c r="F348" s="1">
        <v>52.24</v>
      </c>
      <c r="G348" s="1" t="s">
        <v>6</v>
      </c>
    </row>
    <row r="349" spans="2:7" x14ac:dyDescent="0.35">
      <c r="B349" s="16">
        <v>44498</v>
      </c>
      <c r="C349" s="15">
        <v>44498.567256944443</v>
      </c>
      <c r="D349" s="1">
        <v>24</v>
      </c>
      <c r="E349" s="1">
        <v>13.04</v>
      </c>
      <c r="F349" s="1">
        <v>312.95999999999998</v>
      </c>
      <c r="G349" s="1" t="s">
        <v>6</v>
      </c>
    </row>
    <row r="350" spans="2:7" x14ac:dyDescent="0.35">
      <c r="B350" s="16">
        <v>44498</v>
      </c>
      <c r="C350" s="15">
        <v>44498.588865740741</v>
      </c>
      <c r="D350" s="1">
        <v>250</v>
      </c>
      <c r="E350" s="1">
        <v>13.14</v>
      </c>
      <c r="F350" s="1">
        <v>3285</v>
      </c>
      <c r="G350" s="1" t="s">
        <v>6</v>
      </c>
    </row>
    <row r="351" spans="2:7" x14ac:dyDescent="0.35">
      <c r="B351" s="16">
        <v>44498</v>
      </c>
      <c r="C351" s="15">
        <v>44498.592453703706</v>
      </c>
      <c r="D351" s="1">
        <v>56</v>
      </c>
      <c r="E351" s="1">
        <v>13.14</v>
      </c>
      <c r="F351" s="1">
        <v>735.84</v>
      </c>
      <c r="G351" s="1" t="s">
        <v>6</v>
      </c>
    </row>
    <row r="352" spans="2:7" x14ac:dyDescent="0.35">
      <c r="B352" s="16">
        <v>44498</v>
      </c>
      <c r="C352" s="15">
        <v>44498.592453703706</v>
      </c>
      <c r="D352" s="1">
        <v>262</v>
      </c>
      <c r="E352" s="1">
        <v>13.14</v>
      </c>
      <c r="F352" s="1">
        <v>3442.6800000000003</v>
      </c>
      <c r="G352" s="1" t="s">
        <v>6</v>
      </c>
    </row>
    <row r="353" spans="2:7" x14ac:dyDescent="0.35">
      <c r="B353" s="16">
        <v>44498</v>
      </c>
      <c r="C353" s="15">
        <v>44498.602708333332</v>
      </c>
      <c r="D353" s="1">
        <v>31</v>
      </c>
      <c r="E353" s="1">
        <v>13.08</v>
      </c>
      <c r="F353" s="1">
        <v>405.48</v>
      </c>
      <c r="G353" s="1" t="s">
        <v>6</v>
      </c>
    </row>
    <row r="354" spans="2:7" x14ac:dyDescent="0.35">
      <c r="B354" s="16">
        <v>44498</v>
      </c>
      <c r="C354" s="15">
        <v>44498.604097222225</v>
      </c>
      <c r="D354" s="1">
        <v>31</v>
      </c>
      <c r="E354" s="1">
        <v>13.08</v>
      </c>
      <c r="F354" s="1">
        <v>405.48</v>
      </c>
      <c r="G354" s="1" t="s">
        <v>6</v>
      </c>
    </row>
    <row r="355" spans="2:7" x14ac:dyDescent="0.35">
      <c r="B355" s="16">
        <v>44498</v>
      </c>
      <c r="C355" s="15">
        <v>44498.604722222219</v>
      </c>
      <c r="D355" s="1">
        <v>29</v>
      </c>
      <c r="E355" s="1">
        <v>13.08</v>
      </c>
      <c r="F355" s="1">
        <v>379.32</v>
      </c>
      <c r="G355" s="1" t="s">
        <v>6</v>
      </c>
    </row>
    <row r="356" spans="2:7" x14ac:dyDescent="0.35">
      <c r="B356" s="16">
        <v>44498</v>
      </c>
      <c r="C356" s="15">
        <v>44498.607511574075</v>
      </c>
      <c r="D356" s="1">
        <v>168</v>
      </c>
      <c r="E356" s="1">
        <v>13.12</v>
      </c>
      <c r="F356" s="1">
        <v>2204.16</v>
      </c>
      <c r="G356" s="1" t="s">
        <v>6</v>
      </c>
    </row>
    <row r="357" spans="2:7" x14ac:dyDescent="0.35">
      <c r="B357" s="16">
        <v>44498</v>
      </c>
      <c r="C357" s="15">
        <v>44498.607511574075</v>
      </c>
      <c r="D357" s="1">
        <v>121</v>
      </c>
      <c r="E357" s="1">
        <v>13.12</v>
      </c>
      <c r="F357" s="1">
        <v>1587.52</v>
      </c>
      <c r="G357" s="1" t="s">
        <v>6</v>
      </c>
    </row>
    <row r="358" spans="2:7" x14ac:dyDescent="0.35">
      <c r="B358" s="16">
        <v>44498</v>
      </c>
      <c r="C358" s="15">
        <v>44498.608912037038</v>
      </c>
      <c r="D358" s="1">
        <v>33</v>
      </c>
      <c r="E358" s="1">
        <v>13.08</v>
      </c>
      <c r="F358" s="1">
        <v>431.64</v>
      </c>
      <c r="G358" s="1" t="s">
        <v>6</v>
      </c>
    </row>
    <row r="359" spans="2:7" x14ac:dyDescent="0.35">
      <c r="B359" s="16">
        <v>44498</v>
      </c>
      <c r="C359" s="15">
        <v>44498.634201388886</v>
      </c>
      <c r="D359" s="1">
        <v>326</v>
      </c>
      <c r="E359" s="1">
        <v>13.12</v>
      </c>
      <c r="F359" s="1">
        <v>4277.12</v>
      </c>
      <c r="G359" s="1" t="s">
        <v>6</v>
      </c>
    </row>
    <row r="360" spans="2:7" x14ac:dyDescent="0.35">
      <c r="B360" s="16">
        <v>44498</v>
      </c>
      <c r="C360" s="15">
        <v>44498.634201388886</v>
      </c>
      <c r="D360" s="1">
        <v>289</v>
      </c>
      <c r="E360" s="1">
        <v>13.12</v>
      </c>
      <c r="F360" s="1">
        <v>3791.68</v>
      </c>
      <c r="G360" s="1" t="s">
        <v>6</v>
      </c>
    </row>
    <row r="361" spans="2:7" x14ac:dyDescent="0.35">
      <c r="B361" s="16">
        <v>44498</v>
      </c>
      <c r="C361" s="15">
        <v>44498.640162037038</v>
      </c>
      <c r="D361" s="1">
        <v>35</v>
      </c>
      <c r="E361" s="1">
        <v>13.12</v>
      </c>
      <c r="F361" s="1">
        <v>459.2</v>
      </c>
      <c r="G361" s="1" t="s">
        <v>6</v>
      </c>
    </row>
    <row r="362" spans="2:7" x14ac:dyDescent="0.35">
      <c r="B362" s="16">
        <v>44498</v>
      </c>
      <c r="C362" s="15">
        <v>44498.641562500001</v>
      </c>
      <c r="D362" s="1">
        <v>52</v>
      </c>
      <c r="E362" s="1">
        <v>13.12</v>
      </c>
      <c r="F362" s="1">
        <v>682.24</v>
      </c>
      <c r="G362" s="1" t="s">
        <v>6</v>
      </c>
    </row>
    <row r="363" spans="2:7" x14ac:dyDescent="0.35">
      <c r="B363" s="16">
        <v>44498</v>
      </c>
      <c r="C363" s="15">
        <v>44498.642256944448</v>
      </c>
      <c r="D363" s="1">
        <v>52</v>
      </c>
      <c r="E363" s="1">
        <v>13.12</v>
      </c>
      <c r="F363" s="1">
        <v>682.24</v>
      </c>
      <c r="G363" s="1" t="s">
        <v>6</v>
      </c>
    </row>
    <row r="364" spans="2:7" x14ac:dyDescent="0.35">
      <c r="B364" s="16">
        <v>44498</v>
      </c>
      <c r="C364" s="15">
        <v>44498.643645833334</v>
      </c>
      <c r="D364" s="1">
        <v>52</v>
      </c>
      <c r="E364" s="1">
        <v>13.12</v>
      </c>
      <c r="F364" s="1">
        <v>682.24</v>
      </c>
      <c r="G364" s="1" t="s">
        <v>6</v>
      </c>
    </row>
    <row r="365" spans="2:7" x14ac:dyDescent="0.35">
      <c r="B365" s="16">
        <v>44498</v>
      </c>
      <c r="C365" s="15">
        <v>44498.644328703704</v>
      </c>
      <c r="D365" s="1">
        <v>52</v>
      </c>
      <c r="E365" s="1">
        <v>13.12</v>
      </c>
      <c r="F365" s="1">
        <v>682.24</v>
      </c>
      <c r="G365" s="1" t="s">
        <v>6</v>
      </c>
    </row>
    <row r="366" spans="2:7" x14ac:dyDescent="0.35">
      <c r="B366" s="16">
        <v>44498</v>
      </c>
      <c r="C366" s="15">
        <v>44498.64434027778</v>
      </c>
      <c r="D366" s="1">
        <v>474</v>
      </c>
      <c r="E366" s="1">
        <v>13.12</v>
      </c>
      <c r="F366" s="1">
        <v>6218.8799999999992</v>
      </c>
      <c r="G366" s="1" t="s">
        <v>6</v>
      </c>
    </row>
    <row r="367" spans="2:7" x14ac:dyDescent="0.35">
      <c r="B367" s="16">
        <v>44498</v>
      </c>
      <c r="C367" s="15">
        <v>44498.64434027778</v>
      </c>
      <c r="D367" s="1">
        <v>91</v>
      </c>
      <c r="E367" s="1">
        <v>13.12</v>
      </c>
      <c r="F367" s="1">
        <v>1193.9199999999998</v>
      </c>
      <c r="G367" s="1" t="s">
        <v>6</v>
      </c>
    </row>
    <row r="368" spans="2:7" x14ac:dyDescent="0.35">
      <c r="B368" s="16">
        <v>44498</v>
      </c>
      <c r="C368" s="15">
        <v>44498.672094907408</v>
      </c>
      <c r="D368" s="1">
        <v>51</v>
      </c>
      <c r="E368" s="1">
        <v>13.1</v>
      </c>
      <c r="F368" s="1">
        <v>668.1</v>
      </c>
      <c r="G368" s="1" t="s">
        <v>6</v>
      </c>
    </row>
    <row r="369" spans="2:7" x14ac:dyDescent="0.35">
      <c r="B369" s="16">
        <v>44498</v>
      </c>
      <c r="C369" s="15">
        <v>44498.672800925924</v>
      </c>
      <c r="D369" s="1">
        <v>51</v>
      </c>
      <c r="E369" s="1">
        <v>13.1</v>
      </c>
      <c r="F369" s="1">
        <v>668.1</v>
      </c>
      <c r="G369" s="1" t="s">
        <v>6</v>
      </c>
    </row>
    <row r="370" spans="2:7" x14ac:dyDescent="0.35">
      <c r="B370" s="16">
        <v>44498</v>
      </c>
      <c r="C370" s="15">
        <v>44498.673506944448</v>
      </c>
      <c r="D370" s="1">
        <v>53</v>
      </c>
      <c r="E370" s="1">
        <v>13.1</v>
      </c>
      <c r="F370" s="1">
        <v>694.3</v>
      </c>
      <c r="G370" s="1" t="s">
        <v>6</v>
      </c>
    </row>
    <row r="371" spans="2:7" x14ac:dyDescent="0.35">
      <c r="B371" s="16">
        <v>44498</v>
      </c>
      <c r="C371" s="15">
        <v>44498.674201388887</v>
      </c>
      <c r="D371" s="1">
        <v>59</v>
      </c>
      <c r="E371" s="1">
        <v>13.1</v>
      </c>
      <c r="F371" s="1">
        <v>772.9</v>
      </c>
      <c r="G371" s="1" t="s">
        <v>6</v>
      </c>
    </row>
    <row r="372" spans="2:7" x14ac:dyDescent="0.35">
      <c r="B372" s="16">
        <v>44498</v>
      </c>
      <c r="C372" s="15">
        <v>44498.674884259257</v>
      </c>
      <c r="D372" s="1">
        <v>60</v>
      </c>
      <c r="E372" s="1">
        <v>13.1</v>
      </c>
      <c r="F372" s="1">
        <v>786</v>
      </c>
      <c r="G372" s="1" t="s">
        <v>6</v>
      </c>
    </row>
    <row r="373" spans="2:7" x14ac:dyDescent="0.35">
      <c r="B373" s="16">
        <v>44498</v>
      </c>
      <c r="C373" s="15">
        <v>44498.677372685182</v>
      </c>
      <c r="D373" s="1">
        <v>54</v>
      </c>
      <c r="E373" s="1">
        <v>13.1</v>
      </c>
      <c r="F373" s="1">
        <v>707.4</v>
      </c>
      <c r="G373" s="1" t="s">
        <v>6</v>
      </c>
    </row>
    <row r="374" spans="2:7" x14ac:dyDescent="0.35">
      <c r="B374" s="16">
        <v>44498</v>
      </c>
      <c r="C374" s="15">
        <v>44498.678078703706</v>
      </c>
      <c r="D374" s="1">
        <v>1100</v>
      </c>
      <c r="E374" s="1">
        <v>13.12</v>
      </c>
      <c r="F374" s="1">
        <v>14432</v>
      </c>
      <c r="G374" s="1" t="s">
        <v>6</v>
      </c>
    </row>
    <row r="375" spans="2:7" x14ac:dyDescent="0.35">
      <c r="B375" s="16">
        <v>44498</v>
      </c>
      <c r="C375" s="15">
        <v>44498.679050925923</v>
      </c>
      <c r="D375" s="1">
        <v>53</v>
      </c>
      <c r="E375" s="1">
        <v>13.12</v>
      </c>
      <c r="F375" s="1">
        <v>695.36</v>
      </c>
      <c r="G375" s="1" t="s">
        <v>6</v>
      </c>
    </row>
    <row r="376" spans="2:7" x14ac:dyDescent="0.35">
      <c r="B376" s="16">
        <v>44498</v>
      </c>
      <c r="C376" s="15">
        <v>44498.679745370369</v>
      </c>
      <c r="D376" s="1">
        <v>43</v>
      </c>
      <c r="E376" s="1">
        <v>13.12</v>
      </c>
      <c r="F376" s="1">
        <v>564.16</v>
      </c>
      <c r="G376" s="1" t="s">
        <v>6</v>
      </c>
    </row>
    <row r="377" spans="2:7" x14ac:dyDescent="0.35">
      <c r="B377" s="16">
        <v>44498</v>
      </c>
      <c r="C377" s="15">
        <v>44498.681122685186</v>
      </c>
      <c r="D377" s="1">
        <v>48</v>
      </c>
      <c r="E377" s="1">
        <v>13.12</v>
      </c>
      <c r="F377" s="1">
        <v>629.76</v>
      </c>
      <c r="G377" s="1" t="s">
        <v>6</v>
      </c>
    </row>
    <row r="378" spans="2:7" x14ac:dyDescent="0.35">
      <c r="B378" s="16">
        <v>44498</v>
      </c>
      <c r="C378" s="15">
        <v>44498.681435185186</v>
      </c>
      <c r="D378" s="1">
        <v>250</v>
      </c>
      <c r="E378" s="1">
        <v>13.16</v>
      </c>
      <c r="F378" s="1">
        <v>3290</v>
      </c>
      <c r="G378" s="1" t="s">
        <v>6</v>
      </c>
    </row>
    <row r="379" spans="2:7" x14ac:dyDescent="0.35">
      <c r="B379" s="16">
        <v>44498</v>
      </c>
      <c r="C379" s="15">
        <v>44498.681435185186</v>
      </c>
      <c r="D379" s="1">
        <v>120</v>
      </c>
      <c r="E379" s="1">
        <v>13.16</v>
      </c>
      <c r="F379" s="1">
        <v>1579.2</v>
      </c>
      <c r="G379" s="1" t="s">
        <v>6</v>
      </c>
    </row>
    <row r="380" spans="2:7" x14ac:dyDescent="0.35">
      <c r="B380" s="16">
        <v>44498</v>
      </c>
      <c r="C380" s="15">
        <v>44498.683194444442</v>
      </c>
      <c r="D380" s="1">
        <v>45</v>
      </c>
      <c r="E380" s="1">
        <v>13.16</v>
      </c>
      <c r="F380" s="1">
        <v>592.20000000000005</v>
      </c>
      <c r="G380" s="1" t="s">
        <v>6</v>
      </c>
    </row>
    <row r="381" spans="2:7" x14ac:dyDescent="0.35">
      <c r="B381" s="16">
        <v>44498</v>
      </c>
      <c r="C381" s="15">
        <v>44498.684594907405</v>
      </c>
      <c r="D381" s="1">
        <v>55</v>
      </c>
      <c r="E381" s="1">
        <v>13.16</v>
      </c>
      <c r="F381" s="1">
        <v>723.8</v>
      </c>
      <c r="G381" s="1" t="s">
        <v>6</v>
      </c>
    </row>
    <row r="382" spans="2:7" x14ac:dyDescent="0.35">
      <c r="B382" s="16">
        <v>44498</v>
      </c>
      <c r="C382" s="15">
        <v>44498.685914351852</v>
      </c>
      <c r="D382" s="1">
        <v>29</v>
      </c>
      <c r="E382" s="1">
        <v>13.16</v>
      </c>
      <c r="F382" s="1">
        <v>381.64</v>
      </c>
      <c r="G382" s="1" t="s">
        <v>6</v>
      </c>
    </row>
    <row r="383" spans="2:7" x14ac:dyDescent="0.35">
      <c r="B383" s="16">
        <v>44498</v>
      </c>
      <c r="C383" s="15">
        <v>44498.685914351852</v>
      </c>
      <c r="D383" s="1">
        <v>236</v>
      </c>
      <c r="E383" s="1">
        <v>13.16</v>
      </c>
      <c r="F383" s="1">
        <v>3105.76</v>
      </c>
      <c r="G383" s="1" t="s">
        <v>6</v>
      </c>
    </row>
    <row r="384" spans="2:7" x14ac:dyDescent="0.35">
      <c r="B384" s="16">
        <v>44498</v>
      </c>
      <c r="C384" s="15">
        <v>44498.685914351852</v>
      </c>
      <c r="D384" s="1">
        <v>560</v>
      </c>
      <c r="E384" s="1">
        <v>13.16</v>
      </c>
      <c r="F384" s="1">
        <v>7369.6</v>
      </c>
      <c r="G384" s="1" t="s">
        <v>6</v>
      </c>
    </row>
    <row r="385" spans="2:7" x14ac:dyDescent="0.35">
      <c r="B385" s="16">
        <v>44498</v>
      </c>
      <c r="C385" s="15">
        <v>44498.685914351852</v>
      </c>
      <c r="D385" s="1">
        <v>286</v>
      </c>
      <c r="E385" s="1">
        <v>13.16</v>
      </c>
      <c r="F385" s="1">
        <v>3763.76</v>
      </c>
      <c r="G385" s="1" t="s">
        <v>6</v>
      </c>
    </row>
    <row r="386" spans="2:7" x14ac:dyDescent="0.35">
      <c r="B386" s="16">
        <v>44498</v>
      </c>
      <c r="C386" s="15">
        <v>44498.685914351852</v>
      </c>
      <c r="D386" s="1">
        <v>210</v>
      </c>
      <c r="E386" s="1">
        <v>13.16</v>
      </c>
      <c r="F386" s="1">
        <v>2763.6</v>
      </c>
      <c r="G386" s="1" t="s">
        <v>6</v>
      </c>
    </row>
    <row r="387" spans="2:7" x14ac:dyDescent="0.35">
      <c r="B387" s="16">
        <v>44498</v>
      </c>
      <c r="C387" s="15">
        <v>44498.709675925929</v>
      </c>
      <c r="D387" s="1">
        <v>275</v>
      </c>
      <c r="E387" s="1">
        <v>13.12</v>
      </c>
      <c r="F387" s="1">
        <v>3608</v>
      </c>
      <c r="G387" s="1" t="s">
        <v>6</v>
      </c>
    </row>
    <row r="388" spans="2:7" x14ac:dyDescent="0.35">
      <c r="B388" s="16">
        <v>44498</v>
      </c>
      <c r="C388" s="15">
        <v>44498.709675925929</v>
      </c>
      <c r="D388" s="1">
        <v>274</v>
      </c>
      <c r="E388" s="1">
        <v>13.12</v>
      </c>
      <c r="F388" s="1">
        <v>3594.8799999999997</v>
      </c>
      <c r="G388" s="1" t="s">
        <v>6</v>
      </c>
    </row>
    <row r="389" spans="2:7" x14ac:dyDescent="0.35">
      <c r="B389" s="16">
        <v>44498</v>
      </c>
      <c r="C389" s="15">
        <v>44498.709675925929</v>
      </c>
      <c r="D389" s="1">
        <v>9</v>
      </c>
      <c r="E389" s="1">
        <v>13.12</v>
      </c>
      <c r="F389" s="1">
        <v>118.08</v>
      </c>
      <c r="G389" s="1" t="s">
        <v>6</v>
      </c>
    </row>
    <row r="390" spans="2:7" x14ac:dyDescent="0.35">
      <c r="B390" s="16">
        <v>44498</v>
      </c>
      <c r="C390" s="15">
        <v>44498.709675925929</v>
      </c>
      <c r="D390" s="1">
        <v>299</v>
      </c>
      <c r="E390" s="1">
        <v>13.12</v>
      </c>
      <c r="F390" s="1">
        <v>3922.8799999999997</v>
      </c>
      <c r="G390" s="1" t="s">
        <v>6</v>
      </c>
    </row>
    <row r="391" spans="2:7" x14ac:dyDescent="0.35">
      <c r="B391" s="16">
        <v>44498</v>
      </c>
      <c r="C391" s="15">
        <v>44498.709675925929</v>
      </c>
      <c r="D391" s="1">
        <v>287</v>
      </c>
      <c r="E391" s="1">
        <v>13.12</v>
      </c>
      <c r="F391" s="1">
        <v>3765.4399999999996</v>
      </c>
      <c r="G391" s="1" t="s">
        <v>6</v>
      </c>
    </row>
    <row r="392" spans="2:7" x14ac:dyDescent="0.35">
      <c r="B392" s="16">
        <v>44498</v>
      </c>
      <c r="C392" s="15">
        <v>44498.709675925929</v>
      </c>
      <c r="D392" s="1">
        <v>269</v>
      </c>
      <c r="E392" s="1">
        <v>13.12</v>
      </c>
      <c r="F392" s="1">
        <v>3529.2799999999997</v>
      </c>
      <c r="G392" s="1" t="s">
        <v>6</v>
      </c>
    </row>
  </sheetData>
  <mergeCells count="2">
    <mergeCell ref="A2:G2"/>
    <mergeCell ref="B10:G10"/>
  </mergeCells>
  <pageMargins left="0.7" right="0.7" top="0.75" bottom="0.75" header="0.3" footer="0.3"/>
  <pageSetup paperSize="9" orientation="portrait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C55346-F3F0-4E68-BE32-1B0DCB1C8291}">
  <dimension ref="A2:N386"/>
  <sheetViews>
    <sheetView zoomScale="80" zoomScaleNormal="80" workbookViewId="0">
      <selection activeCell="H12" sqref="H12"/>
    </sheetView>
  </sheetViews>
  <sheetFormatPr defaultColWidth="9" defaultRowHeight="14.5" x14ac:dyDescent="0.35"/>
  <cols>
    <col min="1" max="1" width="3.58203125" style="1" customWidth="1"/>
    <col min="2" max="2" width="14.33203125" style="1" customWidth="1"/>
    <col min="3" max="3" width="15.25" style="1" bestFit="1" customWidth="1"/>
    <col min="4" max="4" width="10.58203125" style="1" customWidth="1"/>
    <col min="5" max="5" width="10" style="1" customWidth="1"/>
    <col min="6" max="6" width="14.33203125" style="1" customWidth="1"/>
    <col min="7" max="7" width="17.5" style="1" customWidth="1"/>
    <col min="8" max="16384" width="9" style="1"/>
  </cols>
  <sheetData>
    <row r="2" spans="1:12" ht="21" x14ac:dyDescent="0.5">
      <c r="A2" s="73" t="s">
        <v>0</v>
      </c>
      <c r="B2" s="73"/>
      <c r="C2" s="73"/>
      <c r="D2" s="73"/>
      <c r="E2" s="73"/>
      <c r="F2" s="73"/>
      <c r="G2" s="73"/>
    </row>
    <row r="8" spans="1:12" x14ac:dyDescent="0.35">
      <c r="L8"/>
    </row>
    <row r="10" spans="1:12" ht="18.75" customHeight="1" x14ac:dyDescent="0.35">
      <c r="B10" s="74" t="s">
        <v>11</v>
      </c>
      <c r="C10" s="74"/>
      <c r="D10" s="74"/>
      <c r="E10" s="74"/>
      <c r="F10" s="74"/>
      <c r="G10" s="74"/>
    </row>
    <row r="11" spans="1:12" ht="18.75" customHeight="1" x14ac:dyDescent="0.35">
      <c r="B11" s="2" t="s">
        <v>7</v>
      </c>
      <c r="C11" s="2" t="s">
        <v>12</v>
      </c>
      <c r="D11" s="2" t="s">
        <v>13</v>
      </c>
      <c r="E11" s="2" t="s">
        <v>14</v>
      </c>
      <c r="F11" s="2" t="s">
        <v>15</v>
      </c>
      <c r="G11" s="2" t="s">
        <v>16</v>
      </c>
    </row>
    <row r="12" spans="1:12" x14ac:dyDescent="0.35">
      <c r="B12" s="16">
        <v>44487</v>
      </c>
      <c r="C12" s="15">
        <v>44487.389791666668</v>
      </c>
      <c r="D12" s="1">
        <v>126</v>
      </c>
      <c r="E12" s="1">
        <v>13.86</v>
      </c>
      <c r="F12" s="1">
        <v>1746.36</v>
      </c>
      <c r="G12" s="1" t="s">
        <v>6</v>
      </c>
    </row>
    <row r="13" spans="1:12" x14ac:dyDescent="0.35">
      <c r="B13" s="16">
        <v>44487</v>
      </c>
      <c r="C13" s="15">
        <v>44487.389791666668</v>
      </c>
      <c r="D13" s="1">
        <v>334</v>
      </c>
      <c r="E13" s="1">
        <v>13.86</v>
      </c>
      <c r="F13" s="1">
        <v>4629.24</v>
      </c>
      <c r="G13" s="1" t="s">
        <v>6</v>
      </c>
    </row>
    <row r="14" spans="1:12" x14ac:dyDescent="0.35">
      <c r="B14" s="16">
        <v>44487</v>
      </c>
      <c r="C14" s="15">
        <v>44487.389791666668</v>
      </c>
      <c r="D14" s="1">
        <v>226</v>
      </c>
      <c r="E14" s="1">
        <v>13.86</v>
      </c>
      <c r="F14" s="1">
        <v>3132.3599999999997</v>
      </c>
      <c r="G14" s="1" t="s">
        <v>6</v>
      </c>
    </row>
    <row r="15" spans="1:12" x14ac:dyDescent="0.35">
      <c r="B15" s="16">
        <v>44487</v>
      </c>
      <c r="C15" s="15">
        <v>44487.431342592594</v>
      </c>
      <c r="D15" s="1">
        <v>5</v>
      </c>
      <c r="E15" s="1">
        <v>13.92</v>
      </c>
      <c r="F15" s="1">
        <v>69.599999999999994</v>
      </c>
      <c r="G15" s="1" t="s">
        <v>6</v>
      </c>
    </row>
    <row r="16" spans="1:12" x14ac:dyDescent="0.35">
      <c r="B16" s="16">
        <v>44487</v>
      </c>
      <c r="C16" s="15">
        <v>44487.431342592594</v>
      </c>
      <c r="D16" s="1">
        <v>112</v>
      </c>
      <c r="E16" s="1">
        <v>13.92</v>
      </c>
      <c r="F16" s="1">
        <v>1559.04</v>
      </c>
      <c r="G16" s="1" t="s">
        <v>6</v>
      </c>
    </row>
    <row r="17" spans="2:7" x14ac:dyDescent="0.35">
      <c r="B17" s="16">
        <v>44487</v>
      </c>
      <c r="C17" s="15">
        <v>44487.431342592594</v>
      </c>
      <c r="D17" s="1">
        <v>101</v>
      </c>
      <c r="E17" s="1">
        <v>13.92</v>
      </c>
      <c r="F17" s="1">
        <v>1405.92</v>
      </c>
      <c r="G17" s="1" t="s">
        <v>6</v>
      </c>
    </row>
    <row r="18" spans="2:7" x14ac:dyDescent="0.35">
      <c r="B18" s="16">
        <v>44487</v>
      </c>
      <c r="C18" s="15">
        <v>44487.431342592594</v>
      </c>
      <c r="D18" s="1">
        <v>131</v>
      </c>
      <c r="E18" s="1">
        <v>13.92</v>
      </c>
      <c r="F18" s="1">
        <v>1823.52</v>
      </c>
      <c r="G18" s="1" t="s">
        <v>6</v>
      </c>
    </row>
    <row r="19" spans="2:7" x14ac:dyDescent="0.35">
      <c r="B19" s="16">
        <v>44487</v>
      </c>
      <c r="C19" s="15">
        <v>44487.443344907406</v>
      </c>
      <c r="D19" s="1">
        <v>337</v>
      </c>
      <c r="E19" s="1">
        <v>13.92</v>
      </c>
      <c r="F19" s="1">
        <v>4691.04</v>
      </c>
      <c r="G19" s="1" t="s">
        <v>6</v>
      </c>
    </row>
    <row r="20" spans="2:7" x14ac:dyDescent="0.35">
      <c r="B20" s="16">
        <v>44487</v>
      </c>
      <c r="C20" s="15">
        <v>44487.443344907406</v>
      </c>
      <c r="D20" s="1">
        <v>625</v>
      </c>
      <c r="E20" s="1">
        <v>13.9</v>
      </c>
      <c r="F20" s="1">
        <v>8687.5</v>
      </c>
      <c r="G20" s="1" t="s">
        <v>6</v>
      </c>
    </row>
    <row r="21" spans="2:7" x14ac:dyDescent="0.35">
      <c r="B21" s="16">
        <v>44487</v>
      </c>
      <c r="C21" s="15">
        <v>44487.443344907406</v>
      </c>
      <c r="D21" s="1">
        <v>369</v>
      </c>
      <c r="E21" s="1">
        <v>13.9</v>
      </c>
      <c r="F21" s="1">
        <v>5129.1000000000004</v>
      </c>
      <c r="G21" s="1" t="s">
        <v>6</v>
      </c>
    </row>
    <row r="22" spans="2:7" x14ac:dyDescent="0.35">
      <c r="B22" s="16">
        <v>44487</v>
      </c>
      <c r="C22" s="15">
        <v>44487.445023148146</v>
      </c>
      <c r="D22" s="1">
        <v>200</v>
      </c>
      <c r="E22" s="1">
        <v>13.86</v>
      </c>
      <c r="F22" s="1">
        <v>2772</v>
      </c>
      <c r="G22" s="1" t="s">
        <v>6</v>
      </c>
    </row>
    <row r="23" spans="2:7" x14ac:dyDescent="0.35">
      <c r="B23" s="16">
        <v>44487</v>
      </c>
      <c r="C23" s="15">
        <v>44487.44667824074</v>
      </c>
      <c r="D23" s="1">
        <v>200</v>
      </c>
      <c r="E23" s="1">
        <v>13.86</v>
      </c>
      <c r="F23" s="1">
        <v>2772</v>
      </c>
      <c r="G23" s="1" t="s">
        <v>6</v>
      </c>
    </row>
    <row r="24" spans="2:7" x14ac:dyDescent="0.35">
      <c r="B24" s="16">
        <v>44487</v>
      </c>
      <c r="C24" s="15">
        <v>44487.463055555556</v>
      </c>
      <c r="D24" s="1">
        <v>277</v>
      </c>
      <c r="E24" s="1">
        <v>13.88</v>
      </c>
      <c r="F24" s="1">
        <v>3844.76</v>
      </c>
      <c r="G24" s="1" t="s">
        <v>6</v>
      </c>
    </row>
    <row r="25" spans="2:7" x14ac:dyDescent="0.35">
      <c r="B25" s="16">
        <v>44487</v>
      </c>
      <c r="C25" s="15">
        <v>44487.463055555556</v>
      </c>
      <c r="D25" s="1">
        <v>59</v>
      </c>
      <c r="E25" s="1">
        <v>13.88</v>
      </c>
      <c r="F25" s="1">
        <v>818.92000000000007</v>
      </c>
      <c r="G25" s="1" t="s">
        <v>6</v>
      </c>
    </row>
    <row r="26" spans="2:7" x14ac:dyDescent="0.35">
      <c r="B26" s="16">
        <v>44487</v>
      </c>
      <c r="C26" s="15">
        <v>44487.46707175926</v>
      </c>
      <c r="D26" s="1">
        <v>197</v>
      </c>
      <c r="E26" s="1">
        <v>13.86</v>
      </c>
      <c r="F26" s="1">
        <v>2730.42</v>
      </c>
      <c r="G26" s="1" t="s">
        <v>6</v>
      </c>
    </row>
    <row r="27" spans="2:7" x14ac:dyDescent="0.35">
      <c r="B27" s="16">
        <v>44487</v>
      </c>
      <c r="C27" s="15">
        <v>44487.46707175926</v>
      </c>
      <c r="D27" s="1">
        <v>3</v>
      </c>
      <c r="E27" s="1">
        <v>13.86</v>
      </c>
      <c r="F27" s="1">
        <v>41.58</v>
      </c>
      <c r="G27" s="1" t="s">
        <v>6</v>
      </c>
    </row>
    <row r="28" spans="2:7" x14ac:dyDescent="0.35">
      <c r="B28" s="16">
        <v>44487</v>
      </c>
      <c r="C28" s="15">
        <v>44487.46707175926</v>
      </c>
      <c r="D28" s="1">
        <v>189</v>
      </c>
      <c r="E28" s="1">
        <v>13.86</v>
      </c>
      <c r="F28" s="1">
        <v>2619.54</v>
      </c>
      <c r="G28" s="1" t="s">
        <v>6</v>
      </c>
    </row>
    <row r="29" spans="2:7" x14ac:dyDescent="0.35">
      <c r="B29" s="16">
        <v>44487</v>
      </c>
      <c r="C29" s="15">
        <v>44487.46707175926</v>
      </c>
      <c r="D29" s="1">
        <v>192</v>
      </c>
      <c r="E29" s="1">
        <v>13.86</v>
      </c>
      <c r="F29" s="1">
        <v>2661.12</v>
      </c>
      <c r="G29" s="1" t="s">
        <v>6</v>
      </c>
    </row>
    <row r="30" spans="2:7" x14ac:dyDescent="0.35">
      <c r="B30" s="16">
        <v>44487</v>
      </c>
      <c r="C30" s="15">
        <v>44487.46707175926</v>
      </c>
      <c r="D30" s="1">
        <v>8</v>
      </c>
      <c r="E30" s="1">
        <v>13.86</v>
      </c>
      <c r="F30" s="1">
        <v>110.88</v>
      </c>
      <c r="G30" s="1" t="s">
        <v>6</v>
      </c>
    </row>
    <row r="31" spans="2:7" x14ac:dyDescent="0.35">
      <c r="B31" s="16">
        <v>44487</v>
      </c>
      <c r="C31" s="15">
        <v>44487.46707175926</v>
      </c>
      <c r="D31" s="1">
        <v>11</v>
      </c>
      <c r="E31" s="1">
        <v>13.86</v>
      </c>
      <c r="F31" s="1">
        <v>152.45999999999998</v>
      </c>
      <c r="G31" s="1" t="s">
        <v>6</v>
      </c>
    </row>
    <row r="32" spans="2:7" x14ac:dyDescent="0.35">
      <c r="B32" s="16">
        <v>44487</v>
      </c>
      <c r="C32" s="15">
        <v>44487.47755787037</v>
      </c>
      <c r="D32" s="1">
        <v>373</v>
      </c>
      <c r="E32" s="1">
        <v>13.84</v>
      </c>
      <c r="F32" s="1">
        <v>5162.32</v>
      </c>
      <c r="G32" s="1" t="s">
        <v>6</v>
      </c>
    </row>
    <row r="33" spans="2:7" x14ac:dyDescent="0.35">
      <c r="B33" s="16">
        <v>44487</v>
      </c>
      <c r="C33" s="15">
        <v>44487.493506944447</v>
      </c>
      <c r="D33" s="1">
        <v>200</v>
      </c>
      <c r="E33" s="1">
        <v>13.82</v>
      </c>
      <c r="F33" s="1">
        <v>2764</v>
      </c>
      <c r="G33" s="1" t="s">
        <v>6</v>
      </c>
    </row>
    <row r="34" spans="2:7" x14ac:dyDescent="0.35">
      <c r="B34" s="16">
        <v>44487</v>
      </c>
      <c r="C34" s="15">
        <v>44487.493506944447</v>
      </c>
      <c r="D34" s="1">
        <v>333</v>
      </c>
      <c r="E34" s="1">
        <v>13.82</v>
      </c>
      <c r="F34" s="1">
        <v>4602.0600000000004</v>
      </c>
      <c r="G34" s="1" t="s">
        <v>6</v>
      </c>
    </row>
    <row r="35" spans="2:7" x14ac:dyDescent="0.35">
      <c r="B35" s="16">
        <v>44487</v>
      </c>
      <c r="C35" s="15">
        <v>44487.500173611108</v>
      </c>
      <c r="D35" s="1">
        <v>25</v>
      </c>
      <c r="E35" s="1">
        <v>13.82</v>
      </c>
      <c r="F35" s="1">
        <v>345.5</v>
      </c>
      <c r="G35" s="1" t="s">
        <v>6</v>
      </c>
    </row>
    <row r="36" spans="2:7" x14ac:dyDescent="0.35">
      <c r="B36" s="16">
        <v>44487</v>
      </c>
      <c r="C36" s="15">
        <v>44487.500173611108</v>
      </c>
      <c r="D36" s="1">
        <v>49</v>
      </c>
      <c r="E36" s="1">
        <v>13.82</v>
      </c>
      <c r="F36" s="1">
        <v>677.18000000000006</v>
      </c>
      <c r="G36" s="1" t="s">
        <v>6</v>
      </c>
    </row>
    <row r="37" spans="2:7" x14ac:dyDescent="0.35">
      <c r="B37" s="16">
        <v>44487</v>
      </c>
      <c r="C37" s="15">
        <v>44487.504178240742</v>
      </c>
      <c r="D37" s="1">
        <v>175</v>
      </c>
      <c r="E37" s="1">
        <v>13.82</v>
      </c>
      <c r="F37" s="1">
        <v>2418.5</v>
      </c>
      <c r="G37" s="1" t="s">
        <v>6</v>
      </c>
    </row>
    <row r="38" spans="2:7" x14ac:dyDescent="0.35">
      <c r="B38" s="16">
        <v>44487</v>
      </c>
      <c r="C38" s="15">
        <v>44487.509618055556</v>
      </c>
      <c r="D38" s="1">
        <v>194</v>
      </c>
      <c r="E38" s="1">
        <v>13.82</v>
      </c>
      <c r="F38" s="1">
        <v>2681.08</v>
      </c>
      <c r="G38" s="1" t="s">
        <v>6</v>
      </c>
    </row>
    <row r="39" spans="2:7" x14ac:dyDescent="0.35">
      <c r="B39" s="16">
        <v>44487</v>
      </c>
      <c r="C39" s="15">
        <v>44487.514502314814</v>
      </c>
      <c r="D39" s="1">
        <v>6</v>
      </c>
      <c r="E39" s="1">
        <v>13.82</v>
      </c>
      <c r="F39" s="1">
        <v>82.92</v>
      </c>
      <c r="G39" s="1" t="s">
        <v>6</v>
      </c>
    </row>
    <row r="40" spans="2:7" x14ac:dyDescent="0.35">
      <c r="B40" s="16">
        <v>44487</v>
      </c>
      <c r="C40" s="15">
        <v>44487.514502314814</v>
      </c>
      <c r="D40" s="1">
        <v>11</v>
      </c>
      <c r="E40" s="1">
        <v>13.82</v>
      </c>
      <c r="F40" s="1">
        <v>152.02000000000001</v>
      </c>
      <c r="G40" s="1" t="s">
        <v>6</v>
      </c>
    </row>
    <row r="41" spans="2:7" x14ac:dyDescent="0.35">
      <c r="B41" s="16">
        <v>44487</v>
      </c>
      <c r="C41" s="15">
        <v>44487.519942129627</v>
      </c>
      <c r="D41" s="1">
        <v>200</v>
      </c>
      <c r="E41" s="1">
        <v>13.82</v>
      </c>
      <c r="F41" s="1">
        <v>2764</v>
      </c>
      <c r="G41" s="1" t="s">
        <v>6</v>
      </c>
    </row>
    <row r="42" spans="2:7" x14ac:dyDescent="0.35">
      <c r="B42" s="16">
        <v>44487</v>
      </c>
      <c r="C42" s="15">
        <v>44487.519942129627</v>
      </c>
      <c r="D42" s="1">
        <v>200</v>
      </c>
      <c r="E42" s="1">
        <v>13.82</v>
      </c>
      <c r="F42" s="1">
        <v>2764</v>
      </c>
      <c r="G42" s="1" t="s">
        <v>6</v>
      </c>
    </row>
    <row r="43" spans="2:7" x14ac:dyDescent="0.35">
      <c r="B43" s="16">
        <v>44487</v>
      </c>
      <c r="C43" s="15">
        <v>44487.519942129627</v>
      </c>
      <c r="D43" s="1">
        <v>276</v>
      </c>
      <c r="E43" s="1">
        <v>13.82</v>
      </c>
      <c r="F43" s="1">
        <v>3814.32</v>
      </c>
      <c r="G43" s="1" t="s">
        <v>6</v>
      </c>
    </row>
    <row r="44" spans="2:7" x14ac:dyDescent="0.35">
      <c r="B44" s="16">
        <v>44487</v>
      </c>
      <c r="C44" s="15">
        <v>44487.519942129627</v>
      </c>
      <c r="D44" s="1">
        <v>57</v>
      </c>
      <c r="E44" s="1">
        <v>13.82</v>
      </c>
      <c r="F44" s="1">
        <v>787.74</v>
      </c>
      <c r="G44" s="1" t="s">
        <v>6</v>
      </c>
    </row>
    <row r="45" spans="2:7" x14ac:dyDescent="0.35">
      <c r="B45" s="16">
        <v>44487</v>
      </c>
      <c r="C45" s="15">
        <v>44487.557025462964</v>
      </c>
      <c r="D45" s="1">
        <v>99</v>
      </c>
      <c r="E45" s="1">
        <v>13.84</v>
      </c>
      <c r="F45" s="1">
        <v>1370.16</v>
      </c>
      <c r="G45" s="1" t="s">
        <v>6</v>
      </c>
    </row>
    <row r="46" spans="2:7" x14ac:dyDescent="0.35">
      <c r="B46" s="16">
        <v>44487</v>
      </c>
      <c r="C46" s="15">
        <v>44487.557025462964</v>
      </c>
      <c r="D46" s="1">
        <v>250</v>
      </c>
      <c r="E46" s="1">
        <v>13.84</v>
      </c>
      <c r="F46" s="1">
        <v>3460</v>
      </c>
      <c r="G46" s="1" t="s">
        <v>6</v>
      </c>
    </row>
    <row r="47" spans="2:7" x14ac:dyDescent="0.35">
      <c r="B47" s="16">
        <v>44487</v>
      </c>
      <c r="C47" s="15">
        <v>44487.557025462964</v>
      </c>
      <c r="D47" s="1">
        <v>10</v>
      </c>
      <c r="E47" s="1">
        <v>13.84</v>
      </c>
      <c r="F47" s="1">
        <v>138.4</v>
      </c>
      <c r="G47" s="1" t="s">
        <v>6</v>
      </c>
    </row>
    <row r="48" spans="2:7" x14ac:dyDescent="0.35">
      <c r="B48" s="16">
        <v>44487</v>
      </c>
      <c r="C48" s="15">
        <v>44487.572974537034</v>
      </c>
      <c r="D48" s="1">
        <v>184</v>
      </c>
      <c r="E48" s="1">
        <v>13.82</v>
      </c>
      <c r="F48" s="1">
        <v>2542.88</v>
      </c>
      <c r="G48" s="1" t="s">
        <v>6</v>
      </c>
    </row>
    <row r="49" spans="2:7" x14ac:dyDescent="0.35">
      <c r="B49" s="16">
        <v>44487</v>
      </c>
      <c r="C49" s="15">
        <v>44487.572974537034</v>
      </c>
      <c r="D49" s="1">
        <v>156</v>
      </c>
      <c r="E49" s="1">
        <v>13.82</v>
      </c>
      <c r="F49" s="1">
        <v>2155.92</v>
      </c>
      <c r="G49" s="1" t="s">
        <v>6</v>
      </c>
    </row>
    <row r="50" spans="2:7" x14ac:dyDescent="0.35">
      <c r="B50" s="16">
        <v>44487</v>
      </c>
      <c r="C50" s="15">
        <v>44487.576666666668</v>
      </c>
      <c r="D50" s="1">
        <v>327</v>
      </c>
      <c r="E50" s="1">
        <v>13.8</v>
      </c>
      <c r="F50" s="1">
        <v>4512.6000000000004</v>
      </c>
      <c r="G50" s="1" t="s">
        <v>6</v>
      </c>
    </row>
    <row r="51" spans="2:7" x14ac:dyDescent="0.35">
      <c r="B51" s="16">
        <v>44487</v>
      </c>
      <c r="C51" s="15">
        <v>44487.587858796294</v>
      </c>
      <c r="D51" s="1">
        <v>150</v>
      </c>
      <c r="E51" s="1">
        <v>13.8</v>
      </c>
      <c r="F51" s="1">
        <v>2070</v>
      </c>
      <c r="G51" s="1" t="s">
        <v>6</v>
      </c>
    </row>
    <row r="52" spans="2:7" x14ac:dyDescent="0.35">
      <c r="B52" s="16">
        <v>44487</v>
      </c>
      <c r="C52" s="15">
        <v>44487.587858796294</v>
      </c>
      <c r="D52" s="1">
        <v>543</v>
      </c>
      <c r="E52" s="1">
        <v>13.8</v>
      </c>
      <c r="F52" s="1">
        <v>7493.4000000000005</v>
      </c>
      <c r="G52" s="1" t="s">
        <v>6</v>
      </c>
    </row>
    <row r="53" spans="2:7" x14ac:dyDescent="0.35">
      <c r="B53" s="16">
        <v>44487</v>
      </c>
      <c r="C53" s="15">
        <v>44487.629733796297</v>
      </c>
      <c r="D53" s="1">
        <v>42</v>
      </c>
      <c r="E53" s="1">
        <v>13.82</v>
      </c>
      <c r="F53" s="1">
        <v>580.44000000000005</v>
      </c>
      <c r="G53" s="1" t="s">
        <v>6</v>
      </c>
    </row>
    <row r="54" spans="2:7" x14ac:dyDescent="0.35">
      <c r="B54" s="16">
        <v>44487</v>
      </c>
      <c r="C54" s="15">
        <v>44487.629733796297</v>
      </c>
      <c r="D54" s="1">
        <v>990</v>
      </c>
      <c r="E54" s="1">
        <v>13.82</v>
      </c>
      <c r="F54" s="1">
        <v>13681.800000000001</v>
      </c>
      <c r="G54" s="1" t="s">
        <v>6</v>
      </c>
    </row>
    <row r="55" spans="2:7" x14ac:dyDescent="0.35">
      <c r="B55" s="16">
        <v>44487</v>
      </c>
      <c r="C55" s="15">
        <v>44487.633194444446</v>
      </c>
      <c r="D55" s="1">
        <v>379</v>
      </c>
      <c r="E55" s="1">
        <v>13.84</v>
      </c>
      <c r="F55" s="1">
        <v>5245.36</v>
      </c>
      <c r="G55" s="1" t="s">
        <v>6</v>
      </c>
    </row>
    <row r="56" spans="2:7" x14ac:dyDescent="0.35">
      <c r="B56" s="16">
        <v>44487</v>
      </c>
      <c r="C56" s="15">
        <v>44487.641087962962</v>
      </c>
      <c r="D56" s="1">
        <v>92</v>
      </c>
      <c r="E56" s="1">
        <v>13.9</v>
      </c>
      <c r="F56" s="1">
        <v>1278.8</v>
      </c>
      <c r="G56" s="1" t="s">
        <v>6</v>
      </c>
    </row>
    <row r="57" spans="2:7" x14ac:dyDescent="0.35">
      <c r="B57" s="16">
        <v>44487</v>
      </c>
      <c r="C57" s="15">
        <v>44487.641087962962</v>
      </c>
      <c r="D57" s="1">
        <v>226</v>
      </c>
      <c r="E57" s="1">
        <v>13.9</v>
      </c>
      <c r="F57" s="1">
        <v>3141.4</v>
      </c>
      <c r="G57" s="1" t="s">
        <v>6</v>
      </c>
    </row>
    <row r="58" spans="2:7" x14ac:dyDescent="0.35">
      <c r="B58" s="16">
        <v>44487</v>
      </c>
      <c r="C58" s="15">
        <v>44487.641087962962</v>
      </c>
      <c r="D58" s="1">
        <v>15</v>
      </c>
      <c r="E58" s="1">
        <v>13.9</v>
      </c>
      <c r="F58" s="1">
        <v>208.5</v>
      </c>
      <c r="G58" s="1" t="s">
        <v>6</v>
      </c>
    </row>
    <row r="59" spans="2:7" x14ac:dyDescent="0.35">
      <c r="B59" s="16">
        <v>44487</v>
      </c>
      <c r="C59" s="15">
        <v>44487.646249999998</v>
      </c>
      <c r="D59" s="1">
        <v>59</v>
      </c>
      <c r="E59" s="1">
        <v>13.9</v>
      </c>
      <c r="F59" s="1">
        <v>820.1</v>
      </c>
      <c r="G59" s="1" t="s">
        <v>6</v>
      </c>
    </row>
    <row r="60" spans="2:7" x14ac:dyDescent="0.35">
      <c r="B60" s="16">
        <v>44487</v>
      </c>
      <c r="C60" s="15">
        <v>44487.646249999998</v>
      </c>
      <c r="D60" s="1">
        <v>977</v>
      </c>
      <c r="E60" s="1">
        <v>13.9</v>
      </c>
      <c r="F60" s="1">
        <v>13580.300000000001</v>
      </c>
      <c r="G60" s="1" t="s">
        <v>6</v>
      </c>
    </row>
    <row r="61" spans="2:7" x14ac:dyDescent="0.35">
      <c r="B61" s="16">
        <v>44487</v>
      </c>
      <c r="C61" s="15">
        <v>44487.660798611112</v>
      </c>
      <c r="D61" s="1">
        <v>313</v>
      </c>
      <c r="E61" s="1">
        <v>13.86</v>
      </c>
      <c r="F61" s="1">
        <v>4338.1799999999994</v>
      </c>
      <c r="G61" s="1" t="s">
        <v>6</v>
      </c>
    </row>
    <row r="62" spans="2:7" x14ac:dyDescent="0.35">
      <c r="B62" s="16">
        <v>44487</v>
      </c>
      <c r="C62" s="15">
        <v>44487.660798611112</v>
      </c>
      <c r="D62" s="1">
        <v>94</v>
      </c>
      <c r="E62" s="1">
        <v>13.86</v>
      </c>
      <c r="F62" s="1">
        <v>1302.8399999999999</v>
      </c>
      <c r="G62" s="1" t="s">
        <v>6</v>
      </c>
    </row>
    <row r="63" spans="2:7" x14ac:dyDescent="0.35">
      <c r="B63" s="16">
        <v>44487</v>
      </c>
      <c r="C63" s="15">
        <v>44487.660798611112</v>
      </c>
      <c r="D63" s="1">
        <v>94</v>
      </c>
      <c r="E63" s="1">
        <v>13.86</v>
      </c>
      <c r="F63" s="1">
        <v>1302.8399999999999</v>
      </c>
      <c r="G63" s="1" t="s">
        <v>6</v>
      </c>
    </row>
    <row r="64" spans="2:7" x14ac:dyDescent="0.35">
      <c r="B64" s="16">
        <v>44487</v>
      </c>
      <c r="C64" s="15">
        <v>44487.660798611112</v>
      </c>
      <c r="D64" s="1">
        <v>94</v>
      </c>
      <c r="E64" s="1">
        <v>13.86</v>
      </c>
      <c r="F64" s="1">
        <v>1302.8399999999999</v>
      </c>
      <c r="G64" s="1" t="s">
        <v>6</v>
      </c>
    </row>
    <row r="65" spans="2:7" x14ac:dyDescent="0.35">
      <c r="B65" s="16">
        <v>44487</v>
      </c>
      <c r="C65" s="15">
        <v>44487.660798611112</v>
      </c>
      <c r="D65" s="1">
        <v>94</v>
      </c>
      <c r="E65" s="1">
        <v>13.86</v>
      </c>
      <c r="F65" s="1">
        <v>1302.8399999999999</v>
      </c>
      <c r="G65" s="1" t="s">
        <v>6</v>
      </c>
    </row>
    <row r="66" spans="2:7" x14ac:dyDescent="0.35">
      <c r="B66" s="16">
        <v>44487</v>
      </c>
      <c r="C66" s="15">
        <v>44487.660798611112</v>
      </c>
      <c r="D66" s="1">
        <v>125</v>
      </c>
      <c r="E66" s="1">
        <v>13.86</v>
      </c>
      <c r="F66" s="1">
        <v>1732.5</v>
      </c>
      <c r="G66" s="1" t="s">
        <v>6</v>
      </c>
    </row>
    <row r="67" spans="2:7" x14ac:dyDescent="0.35">
      <c r="B67" s="16">
        <v>44487</v>
      </c>
      <c r="C67" s="15">
        <v>44487.660798611112</v>
      </c>
      <c r="D67" s="1">
        <v>193</v>
      </c>
      <c r="E67" s="1">
        <v>13.86</v>
      </c>
      <c r="F67" s="1">
        <v>2674.98</v>
      </c>
      <c r="G67" s="1" t="s">
        <v>6</v>
      </c>
    </row>
    <row r="68" spans="2:7" x14ac:dyDescent="0.35">
      <c r="B68" s="16">
        <v>44487</v>
      </c>
      <c r="C68" s="15">
        <v>44487.677442129629</v>
      </c>
      <c r="D68" s="1">
        <v>361</v>
      </c>
      <c r="E68" s="1">
        <v>13.86</v>
      </c>
      <c r="F68" s="1">
        <v>5003.46</v>
      </c>
      <c r="G68" s="1" t="s">
        <v>6</v>
      </c>
    </row>
    <row r="69" spans="2:7" x14ac:dyDescent="0.35">
      <c r="B69" s="16">
        <v>44487</v>
      </c>
      <c r="C69" s="15">
        <v>44487.683194444442</v>
      </c>
      <c r="D69" s="1">
        <v>382</v>
      </c>
      <c r="E69" s="1">
        <v>13.88</v>
      </c>
      <c r="F69" s="1">
        <v>5302.16</v>
      </c>
      <c r="G69" s="1" t="s">
        <v>6</v>
      </c>
    </row>
    <row r="70" spans="2:7" x14ac:dyDescent="0.35">
      <c r="B70" s="16">
        <v>44487</v>
      </c>
      <c r="C70" s="15">
        <v>44487.690324074072</v>
      </c>
      <c r="D70" s="1">
        <v>340</v>
      </c>
      <c r="E70" s="1">
        <v>13.94</v>
      </c>
      <c r="F70" s="1">
        <v>4739.5999999999995</v>
      </c>
      <c r="G70" s="1" t="s">
        <v>6</v>
      </c>
    </row>
    <row r="71" spans="2:7" x14ac:dyDescent="0.35">
      <c r="B71" s="16">
        <v>44487</v>
      </c>
      <c r="C71" s="15">
        <v>44487.690324074072</v>
      </c>
      <c r="D71" s="1">
        <v>16</v>
      </c>
      <c r="E71" s="1">
        <v>13.94</v>
      </c>
      <c r="F71" s="1">
        <v>223.04</v>
      </c>
      <c r="G71" s="1" t="s">
        <v>6</v>
      </c>
    </row>
    <row r="72" spans="2:7" x14ac:dyDescent="0.35">
      <c r="B72" s="16">
        <v>44487</v>
      </c>
      <c r="C72" s="15">
        <v>44487.690324074072</v>
      </c>
      <c r="D72" s="1">
        <v>250</v>
      </c>
      <c r="E72" s="1">
        <v>13.92</v>
      </c>
      <c r="F72" s="1">
        <v>3480</v>
      </c>
      <c r="G72" s="1" t="s">
        <v>6</v>
      </c>
    </row>
    <row r="73" spans="2:7" x14ac:dyDescent="0.35">
      <c r="B73" s="16">
        <v>44487</v>
      </c>
      <c r="C73" s="15">
        <v>44487.690324074072</v>
      </c>
      <c r="D73" s="1">
        <v>100</v>
      </c>
      <c r="E73" s="1">
        <v>13.92</v>
      </c>
      <c r="F73" s="1">
        <v>1392</v>
      </c>
      <c r="G73" s="1" t="s">
        <v>6</v>
      </c>
    </row>
    <row r="74" spans="2:7" x14ac:dyDescent="0.35">
      <c r="B74" s="16">
        <v>44487</v>
      </c>
      <c r="C74" s="15">
        <v>44487.690324074072</v>
      </c>
      <c r="D74" s="1">
        <v>112</v>
      </c>
      <c r="E74" s="1">
        <v>13.92</v>
      </c>
      <c r="F74" s="1">
        <v>1559.04</v>
      </c>
      <c r="G74" s="1" t="s">
        <v>6</v>
      </c>
    </row>
    <row r="75" spans="2:7" x14ac:dyDescent="0.35">
      <c r="B75" s="16">
        <v>44487</v>
      </c>
      <c r="C75" s="15">
        <v>44487.690324074072</v>
      </c>
      <c r="D75" s="1">
        <v>250</v>
      </c>
      <c r="E75" s="1">
        <v>13.92</v>
      </c>
      <c r="F75" s="1">
        <v>3480</v>
      </c>
      <c r="G75" s="1" t="s">
        <v>6</v>
      </c>
    </row>
    <row r="76" spans="2:7" x14ac:dyDescent="0.35">
      <c r="B76" s="16">
        <v>44487</v>
      </c>
      <c r="C76" s="15">
        <v>44487.690324074072</v>
      </c>
      <c r="D76" s="1">
        <v>250</v>
      </c>
      <c r="E76" s="1">
        <v>13.92</v>
      </c>
      <c r="F76" s="1">
        <v>3480</v>
      </c>
      <c r="G76" s="1" t="s">
        <v>6</v>
      </c>
    </row>
    <row r="77" spans="2:7" x14ac:dyDescent="0.35">
      <c r="B77" s="16">
        <v>44487</v>
      </c>
      <c r="C77" s="15">
        <v>44487.690324074072</v>
      </c>
      <c r="D77" s="1">
        <v>102</v>
      </c>
      <c r="E77" s="1">
        <v>13.92</v>
      </c>
      <c r="F77" s="1">
        <v>1419.84</v>
      </c>
      <c r="G77" s="1" t="s">
        <v>6</v>
      </c>
    </row>
    <row r="78" spans="2:7" x14ac:dyDescent="0.35">
      <c r="B78" s="16">
        <v>44487</v>
      </c>
      <c r="C78" s="15">
        <v>44487.712511574071</v>
      </c>
      <c r="D78" s="1">
        <v>185</v>
      </c>
      <c r="E78" s="1">
        <v>13.92</v>
      </c>
      <c r="F78" s="1">
        <v>2575.1999999999998</v>
      </c>
      <c r="G78" s="1" t="s">
        <v>6</v>
      </c>
    </row>
    <row r="79" spans="2:7" x14ac:dyDescent="0.35">
      <c r="B79" s="16">
        <v>44487</v>
      </c>
      <c r="C79" s="15">
        <v>44487.712511574071</v>
      </c>
      <c r="D79" s="1">
        <v>27</v>
      </c>
      <c r="E79" s="1">
        <v>13.92</v>
      </c>
      <c r="F79" s="1">
        <v>375.84</v>
      </c>
      <c r="G79" s="1" t="s">
        <v>6</v>
      </c>
    </row>
    <row r="80" spans="2:7" x14ac:dyDescent="0.35">
      <c r="B80" s="16">
        <v>44487</v>
      </c>
      <c r="C80" s="15">
        <v>44487.715636574074</v>
      </c>
      <c r="D80" s="1">
        <v>109</v>
      </c>
      <c r="E80" s="1">
        <v>13.92</v>
      </c>
      <c r="F80" s="1">
        <v>1517.28</v>
      </c>
      <c r="G80" s="1" t="s">
        <v>6</v>
      </c>
    </row>
    <row r="81" spans="2:7" x14ac:dyDescent="0.35">
      <c r="B81" s="16">
        <v>44487</v>
      </c>
      <c r="C81" s="15">
        <v>44487.715636574074</v>
      </c>
      <c r="D81" s="1">
        <v>241</v>
      </c>
      <c r="E81" s="1">
        <v>13.92</v>
      </c>
      <c r="F81" s="1">
        <v>3354.72</v>
      </c>
      <c r="G81" s="1" t="s">
        <v>6</v>
      </c>
    </row>
    <row r="82" spans="2:7" x14ac:dyDescent="0.35">
      <c r="B82" s="16">
        <v>44487</v>
      </c>
      <c r="C82" s="15">
        <v>44487.715937499997</v>
      </c>
      <c r="D82" s="1">
        <v>264</v>
      </c>
      <c r="E82" s="1">
        <v>13.92</v>
      </c>
      <c r="F82" s="1">
        <v>3674.88</v>
      </c>
      <c r="G82" s="1" t="s">
        <v>6</v>
      </c>
    </row>
    <row r="83" spans="2:7" x14ac:dyDescent="0.35">
      <c r="B83" s="16">
        <v>44487</v>
      </c>
      <c r="C83" s="15">
        <v>44487.715937499997</v>
      </c>
      <c r="D83" s="1">
        <v>704</v>
      </c>
      <c r="E83" s="1">
        <v>13.92</v>
      </c>
      <c r="F83" s="1">
        <v>9799.68</v>
      </c>
      <c r="G83" s="1" t="s">
        <v>6</v>
      </c>
    </row>
    <row r="84" spans="2:7" x14ac:dyDescent="0.35">
      <c r="B84" s="16">
        <v>44488</v>
      </c>
      <c r="C84" s="15">
        <v>44488.393726851849</v>
      </c>
      <c r="D84" s="1">
        <v>84</v>
      </c>
      <c r="E84" s="1">
        <v>13.92</v>
      </c>
      <c r="F84" s="1">
        <v>1169.28</v>
      </c>
      <c r="G84" s="1" t="s">
        <v>6</v>
      </c>
    </row>
    <row r="85" spans="2:7" x14ac:dyDescent="0.35">
      <c r="B85" s="16">
        <v>44488</v>
      </c>
      <c r="C85" s="15">
        <v>44488.393726851849</v>
      </c>
      <c r="D85" s="1">
        <v>250</v>
      </c>
      <c r="E85" s="1">
        <v>13.92</v>
      </c>
      <c r="F85" s="1">
        <v>3480</v>
      </c>
      <c r="G85" s="1" t="s">
        <v>6</v>
      </c>
    </row>
    <row r="86" spans="2:7" x14ac:dyDescent="0.35">
      <c r="B86" s="16">
        <v>44488</v>
      </c>
      <c r="C86" s="15">
        <v>44488.393726851849</v>
      </c>
      <c r="D86" s="1">
        <v>6</v>
      </c>
      <c r="E86" s="1">
        <v>13.92</v>
      </c>
      <c r="F86" s="1">
        <v>83.52</v>
      </c>
      <c r="G86" s="1" t="s">
        <v>6</v>
      </c>
    </row>
    <row r="87" spans="2:7" x14ac:dyDescent="0.35">
      <c r="B87" s="16">
        <v>44488</v>
      </c>
      <c r="C87" s="15">
        <v>44488.397939814815</v>
      </c>
      <c r="D87" s="1">
        <v>216</v>
      </c>
      <c r="E87" s="1">
        <v>13.9</v>
      </c>
      <c r="F87" s="1">
        <v>3002.4</v>
      </c>
      <c r="G87" s="1" t="s">
        <v>6</v>
      </c>
    </row>
    <row r="88" spans="2:7" x14ac:dyDescent="0.35">
      <c r="B88" s="16">
        <v>44488</v>
      </c>
      <c r="C88" s="15">
        <v>44488.402118055557</v>
      </c>
      <c r="D88" s="1">
        <v>216</v>
      </c>
      <c r="E88" s="1">
        <v>13.9</v>
      </c>
      <c r="F88" s="1">
        <v>3002.4</v>
      </c>
      <c r="G88" s="1" t="s">
        <v>6</v>
      </c>
    </row>
    <row r="89" spans="2:7" x14ac:dyDescent="0.35">
      <c r="B89" s="16">
        <v>44488</v>
      </c>
      <c r="C89" s="15">
        <v>44488.402118055557</v>
      </c>
      <c r="D89" s="1">
        <v>36</v>
      </c>
      <c r="E89" s="1">
        <v>13.9</v>
      </c>
      <c r="F89" s="1">
        <v>500.40000000000003</v>
      </c>
      <c r="G89" s="1" t="s">
        <v>6</v>
      </c>
    </row>
    <row r="90" spans="2:7" x14ac:dyDescent="0.35">
      <c r="B90" s="16">
        <v>44488</v>
      </c>
      <c r="C90" s="15">
        <v>44488.402118055557</v>
      </c>
      <c r="D90" s="1">
        <v>45</v>
      </c>
      <c r="E90" s="1">
        <v>13.9</v>
      </c>
      <c r="F90" s="1">
        <v>625.5</v>
      </c>
      <c r="G90" s="1" t="s">
        <v>6</v>
      </c>
    </row>
    <row r="91" spans="2:7" x14ac:dyDescent="0.35">
      <c r="B91" s="16">
        <v>44488</v>
      </c>
      <c r="C91" s="15">
        <v>44488.402118055557</v>
      </c>
      <c r="D91" s="1">
        <v>28</v>
      </c>
      <c r="E91" s="1">
        <v>13.9</v>
      </c>
      <c r="F91" s="1">
        <v>389.2</v>
      </c>
      <c r="G91" s="1" t="s">
        <v>6</v>
      </c>
    </row>
    <row r="92" spans="2:7" x14ac:dyDescent="0.35">
      <c r="B92" s="16">
        <v>44488</v>
      </c>
      <c r="C92" s="15">
        <v>44488.402118055557</v>
      </c>
      <c r="D92" s="1">
        <v>493</v>
      </c>
      <c r="E92" s="1">
        <v>13.9</v>
      </c>
      <c r="F92" s="1">
        <v>6852.7</v>
      </c>
      <c r="G92" s="1" t="s">
        <v>6</v>
      </c>
    </row>
    <row r="93" spans="2:7" x14ac:dyDescent="0.35">
      <c r="B93" s="16">
        <v>44488</v>
      </c>
      <c r="C93" s="15">
        <v>44488.411932870367</v>
      </c>
      <c r="D93" s="1">
        <v>353</v>
      </c>
      <c r="E93" s="1">
        <v>13.9</v>
      </c>
      <c r="F93" s="1">
        <v>4906.7</v>
      </c>
      <c r="G93" s="1" t="s">
        <v>6</v>
      </c>
    </row>
    <row r="94" spans="2:7" x14ac:dyDescent="0.35">
      <c r="B94" s="16">
        <v>44488</v>
      </c>
      <c r="C94" s="15">
        <v>44488.443530092591</v>
      </c>
      <c r="D94" s="1">
        <v>41</v>
      </c>
      <c r="E94" s="1">
        <v>13.9</v>
      </c>
      <c r="F94" s="1">
        <v>569.9</v>
      </c>
      <c r="G94" s="1" t="s">
        <v>6</v>
      </c>
    </row>
    <row r="95" spans="2:7" x14ac:dyDescent="0.35">
      <c r="B95" s="16">
        <v>44488</v>
      </c>
      <c r="C95" s="15">
        <v>44488.453541666669</v>
      </c>
      <c r="D95" s="1">
        <v>336</v>
      </c>
      <c r="E95" s="1">
        <v>13.98</v>
      </c>
      <c r="F95" s="1">
        <v>4697.28</v>
      </c>
      <c r="G95" s="1" t="s">
        <v>6</v>
      </c>
    </row>
    <row r="96" spans="2:7" x14ac:dyDescent="0.35">
      <c r="B96" s="16">
        <v>44488</v>
      </c>
      <c r="C96" s="15">
        <v>44488.457743055558</v>
      </c>
      <c r="D96" s="1">
        <v>354</v>
      </c>
      <c r="E96" s="1">
        <v>14</v>
      </c>
      <c r="F96" s="1">
        <v>4956</v>
      </c>
      <c r="G96" s="1" t="s">
        <v>6</v>
      </c>
    </row>
    <row r="97" spans="2:7" x14ac:dyDescent="0.35">
      <c r="B97" s="16">
        <v>44488</v>
      </c>
      <c r="C97" s="15">
        <v>44488.460231481484</v>
      </c>
      <c r="D97" s="1">
        <v>314</v>
      </c>
      <c r="E97" s="1">
        <v>13.98</v>
      </c>
      <c r="F97" s="1">
        <v>4389.72</v>
      </c>
      <c r="G97" s="1" t="s">
        <v>6</v>
      </c>
    </row>
    <row r="98" spans="2:7" x14ac:dyDescent="0.35">
      <c r="B98" s="16">
        <v>44488</v>
      </c>
      <c r="C98" s="15">
        <v>44488.460231481484</v>
      </c>
      <c r="D98" s="1">
        <v>687</v>
      </c>
      <c r="E98" s="1">
        <v>13.98</v>
      </c>
      <c r="F98" s="1">
        <v>9604.26</v>
      </c>
      <c r="G98" s="1" t="s">
        <v>6</v>
      </c>
    </row>
    <row r="99" spans="2:7" x14ac:dyDescent="0.35">
      <c r="B99" s="16">
        <v>44488</v>
      </c>
      <c r="C99" s="15">
        <v>44488.475243055553</v>
      </c>
      <c r="D99" s="1">
        <v>336</v>
      </c>
      <c r="E99" s="1">
        <v>13.86</v>
      </c>
      <c r="F99" s="1">
        <v>4656.96</v>
      </c>
      <c r="G99" s="1" t="s">
        <v>6</v>
      </c>
    </row>
    <row r="100" spans="2:7" x14ac:dyDescent="0.35">
      <c r="B100" s="16">
        <v>44488</v>
      </c>
      <c r="C100" s="15">
        <v>44488.48641203704</v>
      </c>
      <c r="D100" s="1">
        <v>119</v>
      </c>
      <c r="E100" s="1">
        <v>13.86</v>
      </c>
      <c r="F100" s="1">
        <v>1649.34</v>
      </c>
      <c r="G100" s="1" t="s">
        <v>6</v>
      </c>
    </row>
    <row r="101" spans="2:7" x14ac:dyDescent="0.35">
      <c r="B101" s="16">
        <v>44488</v>
      </c>
      <c r="C101" s="15">
        <v>44488.48641203704</v>
      </c>
      <c r="D101" s="1">
        <v>222</v>
      </c>
      <c r="E101" s="1">
        <v>13.86</v>
      </c>
      <c r="F101" s="1">
        <v>3076.92</v>
      </c>
      <c r="G101" s="1" t="s">
        <v>6</v>
      </c>
    </row>
    <row r="102" spans="2:7" x14ac:dyDescent="0.35">
      <c r="B102" s="16">
        <v>44488</v>
      </c>
      <c r="C102" s="15">
        <v>44488.495254629626</v>
      </c>
      <c r="D102" s="1">
        <v>330</v>
      </c>
      <c r="E102" s="1">
        <v>13.86</v>
      </c>
      <c r="F102" s="1">
        <v>4573.8</v>
      </c>
      <c r="G102" s="1" t="s">
        <v>6</v>
      </c>
    </row>
    <row r="103" spans="2:7" x14ac:dyDescent="0.35">
      <c r="B103" s="16">
        <v>44488</v>
      </c>
      <c r="C103" s="15">
        <v>44488.519872685189</v>
      </c>
      <c r="D103" s="1">
        <v>50</v>
      </c>
      <c r="E103" s="1">
        <v>13.86</v>
      </c>
      <c r="F103" s="1">
        <v>693</v>
      </c>
      <c r="G103" s="1" t="s">
        <v>6</v>
      </c>
    </row>
    <row r="104" spans="2:7" x14ac:dyDescent="0.35">
      <c r="B104" s="16">
        <v>44488</v>
      </c>
      <c r="C104" s="15">
        <v>44488.545405092591</v>
      </c>
      <c r="D104" s="1">
        <v>156</v>
      </c>
      <c r="E104" s="1">
        <v>13.88</v>
      </c>
      <c r="F104" s="1">
        <v>2165.2800000000002</v>
      </c>
      <c r="G104" s="1" t="s">
        <v>6</v>
      </c>
    </row>
    <row r="105" spans="2:7" x14ac:dyDescent="0.35">
      <c r="B105" s="16">
        <v>44488</v>
      </c>
      <c r="C105" s="15">
        <v>44488.545405092591</v>
      </c>
      <c r="D105" s="1">
        <v>202</v>
      </c>
      <c r="E105" s="1">
        <v>13.88</v>
      </c>
      <c r="F105" s="1">
        <v>2803.76</v>
      </c>
      <c r="G105" s="1" t="s">
        <v>6</v>
      </c>
    </row>
    <row r="106" spans="2:7" x14ac:dyDescent="0.35">
      <c r="B106" s="16">
        <v>44488</v>
      </c>
      <c r="C106" s="15">
        <v>44488.545405092591</v>
      </c>
      <c r="D106" s="1">
        <v>54</v>
      </c>
      <c r="E106" s="1">
        <v>13.88</v>
      </c>
      <c r="F106" s="1">
        <v>749.5200000000001</v>
      </c>
      <c r="G106" s="1" t="s">
        <v>6</v>
      </c>
    </row>
    <row r="107" spans="2:7" x14ac:dyDescent="0.35">
      <c r="B107" s="16">
        <v>44488</v>
      </c>
      <c r="C107" s="15">
        <v>44488.545405092591</v>
      </c>
      <c r="D107" s="1">
        <v>200</v>
      </c>
      <c r="E107" s="1">
        <v>13.88</v>
      </c>
      <c r="F107" s="1">
        <v>2776</v>
      </c>
      <c r="G107" s="1" t="s">
        <v>6</v>
      </c>
    </row>
    <row r="108" spans="2:7" x14ac:dyDescent="0.35">
      <c r="B108" s="16">
        <v>44488</v>
      </c>
      <c r="C108" s="15">
        <v>44488.545405092591</v>
      </c>
      <c r="D108" s="1">
        <v>22</v>
      </c>
      <c r="E108" s="1">
        <v>13.88</v>
      </c>
      <c r="F108" s="1">
        <v>305.36</v>
      </c>
      <c r="G108" s="1" t="s">
        <v>6</v>
      </c>
    </row>
    <row r="109" spans="2:7" x14ac:dyDescent="0.35">
      <c r="B109" s="16">
        <v>44488</v>
      </c>
      <c r="C109" s="15">
        <v>44488.545405092591</v>
      </c>
      <c r="D109" s="1">
        <v>96</v>
      </c>
      <c r="E109" s="1">
        <v>13.88</v>
      </c>
      <c r="F109" s="1">
        <v>1332.48</v>
      </c>
      <c r="G109" s="1" t="s">
        <v>6</v>
      </c>
    </row>
    <row r="110" spans="2:7" x14ac:dyDescent="0.35">
      <c r="B110" s="16">
        <v>44488</v>
      </c>
      <c r="C110" s="15">
        <v>44488.545405092591</v>
      </c>
      <c r="D110" s="1">
        <v>104</v>
      </c>
      <c r="E110" s="1">
        <v>13.88</v>
      </c>
      <c r="F110" s="1">
        <v>1443.52</v>
      </c>
      <c r="G110" s="1" t="s">
        <v>6</v>
      </c>
    </row>
    <row r="111" spans="2:7" x14ac:dyDescent="0.35">
      <c r="B111" s="16">
        <v>44488</v>
      </c>
      <c r="C111" s="15">
        <v>44488.545428240737</v>
      </c>
      <c r="D111" s="1">
        <v>249</v>
      </c>
      <c r="E111" s="1">
        <v>13.88</v>
      </c>
      <c r="F111" s="1">
        <v>3456.1200000000003</v>
      </c>
      <c r="G111" s="1" t="s">
        <v>6</v>
      </c>
    </row>
    <row r="112" spans="2:7" x14ac:dyDescent="0.35">
      <c r="B112" s="16">
        <v>44488</v>
      </c>
      <c r="C112" s="15">
        <v>44488.545428240737</v>
      </c>
      <c r="D112" s="1">
        <v>250</v>
      </c>
      <c r="E112" s="1">
        <v>13.88</v>
      </c>
      <c r="F112" s="1">
        <v>3470</v>
      </c>
      <c r="G112" s="1" t="s">
        <v>6</v>
      </c>
    </row>
    <row r="113" spans="2:7" x14ac:dyDescent="0.35">
      <c r="B113" s="16">
        <v>44488</v>
      </c>
      <c r="C113" s="15">
        <v>44488.545428240737</v>
      </c>
      <c r="D113" s="1">
        <v>109</v>
      </c>
      <c r="E113" s="1">
        <v>13.88</v>
      </c>
      <c r="F113" s="1">
        <v>1512.92</v>
      </c>
      <c r="G113" s="1" t="s">
        <v>6</v>
      </c>
    </row>
    <row r="114" spans="2:7" x14ac:dyDescent="0.35">
      <c r="B114" s="16">
        <v>44488</v>
      </c>
      <c r="C114" s="15">
        <v>44488.54546296296</v>
      </c>
      <c r="D114" s="1">
        <v>310</v>
      </c>
      <c r="E114" s="1">
        <v>13.88</v>
      </c>
      <c r="F114" s="1">
        <v>4302.8</v>
      </c>
      <c r="G114" s="1" t="s">
        <v>6</v>
      </c>
    </row>
    <row r="115" spans="2:7" x14ac:dyDescent="0.35">
      <c r="B115" s="16">
        <v>44488</v>
      </c>
      <c r="C115" s="15">
        <v>44488.604328703703</v>
      </c>
      <c r="D115" s="1">
        <v>249</v>
      </c>
      <c r="E115" s="1">
        <v>13.92</v>
      </c>
      <c r="F115" s="1">
        <v>3466.08</v>
      </c>
      <c r="G115" s="1" t="s">
        <v>6</v>
      </c>
    </row>
    <row r="116" spans="2:7" x14ac:dyDescent="0.35">
      <c r="B116" s="16">
        <v>44488</v>
      </c>
      <c r="C116" s="15">
        <v>44488.604328703703</v>
      </c>
      <c r="D116" s="1">
        <v>230</v>
      </c>
      <c r="E116" s="1">
        <v>13.92</v>
      </c>
      <c r="F116" s="1">
        <v>3201.6</v>
      </c>
      <c r="G116" s="1" t="s">
        <v>6</v>
      </c>
    </row>
    <row r="117" spans="2:7" x14ac:dyDescent="0.35">
      <c r="B117" s="16">
        <v>44488</v>
      </c>
      <c r="C117" s="15">
        <v>44488.604328703703</v>
      </c>
      <c r="D117" s="1">
        <v>1000</v>
      </c>
      <c r="E117" s="1">
        <v>13.92</v>
      </c>
      <c r="F117" s="1">
        <v>13920</v>
      </c>
      <c r="G117" s="1" t="s">
        <v>6</v>
      </c>
    </row>
    <row r="118" spans="2:7" x14ac:dyDescent="0.35">
      <c r="B118" s="16">
        <v>44488</v>
      </c>
      <c r="C118" s="15">
        <v>44488.604328703703</v>
      </c>
      <c r="D118" s="1">
        <v>64</v>
      </c>
      <c r="E118" s="1">
        <v>13.92</v>
      </c>
      <c r="F118" s="1">
        <v>890.88</v>
      </c>
      <c r="G118" s="1" t="s">
        <v>6</v>
      </c>
    </row>
    <row r="119" spans="2:7" x14ac:dyDescent="0.35">
      <c r="B119" s="16">
        <v>44488</v>
      </c>
      <c r="C119" s="15">
        <v>44488.604328703703</v>
      </c>
      <c r="D119" s="1">
        <v>6</v>
      </c>
      <c r="E119" s="1">
        <v>13.92</v>
      </c>
      <c r="F119" s="1">
        <v>83.52</v>
      </c>
      <c r="G119" s="1" t="s">
        <v>6</v>
      </c>
    </row>
    <row r="120" spans="2:7" x14ac:dyDescent="0.35">
      <c r="B120" s="16">
        <v>44488</v>
      </c>
      <c r="C120" s="15">
        <v>44488.611747685187</v>
      </c>
      <c r="D120" s="1">
        <v>50</v>
      </c>
      <c r="E120" s="1">
        <v>13.92</v>
      </c>
      <c r="F120" s="1">
        <v>696</v>
      </c>
      <c r="G120" s="1" t="s">
        <v>6</v>
      </c>
    </row>
    <row r="121" spans="2:7" x14ac:dyDescent="0.35">
      <c r="B121" s="16">
        <v>44488</v>
      </c>
      <c r="C121" s="15">
        <v>44488.611747685187</v>
      </c>
      <c r="D121" s="1">
        <v>250</v>
      </c>
      <c r="E121" s="1">
        <v>13.92</v>
      </c>
      <c r="F121" s="1">
        <v>3480</v>
      </c>
      <c r="G121" s="1" t="s">
        <v>6</v>
      </c>
    </row>
    <row r="122" spans="2:7" x14ac:dyDescent="0.35">
      <c r="B122" s="16">
        <v>44488</v>
      </c>
      <c r="C122" s="15">
        <v>44488.611747685187</v>
      </c>
      <c r="D122" s="1">
        <v>57</v>
      </c>
      <c r="E122" s="1">
        <v>13.92</v>
      </c>
      <c r="F122" s="1">
        <v>793.43999999999994</v>
      </c>
      <c r="G122" s="1" t="s">
        <v>6</v>
      </c>
    </row>
    <row r="123" spans="2:7" x14ac:dyDescent="0.35">
      <c r="B123" s="16">
        <v>44488</v>
      </c>
      <c r="C123" s="15">
        <v>44488.619884259257</v>
      </c>
      <c r="D123" s="1">
        <v>446</v>
      </c>
      <c r="E123" s="1">
        <v>13.9</v>
      </c>
      <c r="F123" s="1">
        <v>6199.4000000000005</v>
      </c>
      <c r="G123" s="1" t="s">
        <v>6</v>
      </c>
    </row>
    <row r="124" spans="2:7" x14ac:dyDescent="0.35">
      <c r="B124" s="16">
        <v>44488</v>
      </c>
      <c r="C124" s="15">
        <v>44488.619884259257</v>
      </c>
      <c r="D124" s="1">
        <v>446</v>
      </c>
      <c r="E124" s="1">
        <v>13.9</v>
      </c>
      <c r="F124" s="1">
        <v>6199.4000000000005</v>
      </c>
      <c r="G124" s="1" t="s">
        <v>6</v>
      </c>
    </row>
    <row r="125" spans="2:7" x14ac:dyDescent="0.35">
      <c r="B125" s="16">
        <v>44488</v>
      </c>
      <c r="C125" s="15">
        <v>44488.625937500001</v>
      </c>
      <c r="D125" s="1">
        <v>219</v>
      </c>
      <c r="E125" s="1">
        <v>13.9</v>
      </c>
      <c r="F125" s="1">
        <v>3044.1</v>
      </c>
      <c r="G125" s="1" t="s">
        <v>6</v>
      </c>
    </row>
    <row r="126" spans="2:7" x14ac:dyDescent="0.35">
      <c r="B126" s="16">
        <v>44488</v>
      </c>
      <c r="C126" s="15">
        <v>44488.625937500001</v>
      </c>
      <c r="D126" s="1">
        <v>160</v>
      </c>
      <c r="E126" s="1">
        <v>13.9</v>
      </c>
      <c r="F126" s="1">
        <v>2224</v>
      </c>
      <c r="G126" s="1" t="s">
        <v>6</v>
      </c>
    </row>
    <row r="127" spans="2:7" x14ac:dyDescent="0.35">
      <c r="B127" s="16">
        <v>44488</v>
      </c>
      <c r="C127" s="15">
        <v>44488.633819444447</v>
      </c>
      <c r="D127" s="1">
        <v>263</v>
      </c>
      <c r="E127" s="1">
        <v>13.88</v>
      </c>
      <c r="F127" s="1">
        <v>3650.44</v>
      </c>
      <c r="G127" s="1" t="s">
        <v>6</v>
      </c>
    </row>
    <row r="128" spans="2:7" x14ac:dyDescent="0.35">
      <c r="B128" s="16">
        <v>44488</v>
      </c>
      <c r="C128" s="15">
        <v>44488.644120370373</v>
      </c>
      <c r="D128" s="1">
        <v>265</v>
      </c>
      <c r="E128" s="1">
        <v>13.9</v>
      </c>
      <c r="F128" s="1">
        <v>3683.5</v>
      </c>
      <c r="G128" s="1" t="s">
        <v>6</v>
      </c>
    </row>
    <row r="129" spans="2:7" x14ac:dyDescent="0.35">
      <c r="B129" s="16">
        <v>44488</v>
      </c>
      <c r="C129" s="15">
        <v>44488.644120370373</v>
      </c>
      <c r="D129" s="1">
        <v>49</v>
      </c>
      <c r="E129" s="1">
        <v>13.9</v>
      </c>
      <c r="F129" s="1">
        <v>681.1</v>
      </c>
      <c r="G129" s="1" t="s">
        <v>6</v>
      </c>
    </row>
    <row r="130" spans="2:7" x14ac:dyDescent="0.35">
      <c r="B130" s="16">
        <v>44488</v>
      </c>
      <c r="C130" s="15">
        <v>44488.644120370373</v>
      </c>
      <c r="D130" s="1">
        <v>316</v>
      </c>
      <c r="E130" s="1">
        <v>13.9</v>
      </c>
      <c r="F130" s="1">
        <v>4392.4000000000005</v>
      </c>
      <c r="G130" s="1" t="s">
        <v>6</v>
      </c>
    </row>
    <row r="131" spans="2:7" x14ac:dyDescent="0.35">
      <c r="B131" s="16">
        <v>44488</v>
      </c>
      <c r="C131" s="15">
        <v>44488.66</v>
      </c>
      <c r="D131" s="1">
        <v>182</v>
      </c>
      <c r="E131" s="1">
        <v>13.92</v>
      </c>
      <c r="F131" s="1">
        <v>2533.44</v>
      </c>
      <c r="G131" s="1" t="s">
        <v>6</v>
      </c>
    </row>
    <row r="132" spans="2:7" x14ac:dyDescent="0.35">
      <c r="B132" s="16">
        <v>44488</v>
      </c>
      <c r="C132" s="15">
        <v>44488.66</v>
      </c>
      <c r="D132" s="1">
        <v>157</v>
      </c>
      <c r="E132" s="1">
        <v>13.92</v>
      </c>
      <c r="F132" s="1">
        <v>2185.44</v>
      </c>
      <c r="G132" s="1" t="s">
        <v>6</v>
      </c>
    </row>
    <row r="133" spans="2:7" x14ac:dyDescent="0.35">
      <c r="B133" s="16">
        <v>44488</v>
      </c>
      <c r="C133" s="15">
        <v>44488.671018518522</v>
      </c>
      <c r="D133" s="1">
        <v>330</v>
      </c>
      <c r="E133" s="1">
        <v>13.92</v>
      </c>
      <c r="F133" s="1">
        <v>4593.6000000000004</v>
      </c>
      <c r="G133" s="1" t="s">
        <v>6</v>
      </c>
    </row>
    <row r="134" spans="2:7" x14ac:dyDescent="0.35">
      <c r="B134" s="16">
        <v>44488</v>
      </c>
      <c r="C134" s="15">
        <v>44488.671018518522</v>
      </c>
      <c r="D134" s="1">
        <v>328</v>
      </c>
      <c r="E134" s="1">
        <v>13.92</v>
      </c>
      <c r="F134" s="1">
        <v>4565.76</v>
      </c>
      <c r="G134" s="1" t="s">
        <v>6</v>
      </c>
    </row>
    <row r="135" spans="2:7" x14ac:dyDescent="0.35">
      <c r="B135" s="16">
        <v>44488</v>
      </c>
      <c r="C135" s="15">
        <v>44488.671018518522</v>
      </c>
      <c r="D135" s="1">
        <v>647</v>
      </c>
      <c r="E135" s="1">
        <v>13.92</v>
      </c>
      <c r="F135" s="1">
        <v>9006.24</v>
      </c>
      <c r="G135" s="1" t="s">
        <v>6</v>
      </c>
    </row>
    <row r="136" spans="2:7" x14ac:dyDescent="0.35">
      <c r="B136" s="16">
        <v>44488</v>
      </c>
      <c r="C136" s="15">
        <v>44488.685358796298</v>
      </c>
      <c r="D136" s="1">
        <v>317</v>
      </c>
      <c r="E136" s="1">
        <v>13.88</v>
      </c>
      <c r="F136" s="1">
        <v>4399.96</v>
      </c>
      <c r="G136" s="1" t="s">
        <v>6</v>
      </c>
    </row>
    <row r="137" spans="2:7" x14ac:dyDescent="0.35">
      <c r="B137" s="16">
        <v>44488</v>
      </c>
      <c r="C137" s="15">
        <v>44488.685358796298</v>
      </c>
      <c r="D137" s="1">
        <v>327</v>
      </c>
      <c r="E137" s="1">
        <v>13.88</v>
      </c>
      <c r="F137" s="1">
        <v>4538.76</v>
      </c>
      <c r="G137" s="1" t="s">
        <v>6</v>
      </c>
    </row>
    <row r="138" spans="2:7" x14ac:dyDescent="0.35">
      <c r="B138" s="16">
        <v>44488</v>
      </c>
      <c r="C138" s="15">
        <v>44488.685358796298</v>
      </c>
      <c r="D138" s="1">
        <v>325</v>
      </c>
      <c r="E138" s="1">
        <v>13.88</v>
      </c>
      <c r="F138" s="1">
        <v>4511</v>
      </c>
      <c r="G138" s="1" t="s">
        <v>6</v>
      </c>
    </row>
    <row r="139" spans="2:7" x14ac:dyDescent="0.35">
      <c r="B139" s="16">
        <v>44488</v>
      </c>
      <c r="C139" s="15">
        <v>44488.703472222223</v>
      </c>
      <c r="D139" s="1">
        <v>40</v>
      </c>
      <c r="E139" s="1">
        <v>13.84</v>
      </c>
      <c r="F139" s="1">
        <v>553.6</v>
      </c>
      <c r="G139" s="1" t="s">
        <v>6</v>
      </c>
    </row>
    <row r="140" spans="2:7" x14ac:dyDescent="0.35">
      <c r="B140" s="16">
        <v>44488</v>
      </c>
      <c r="C140" s="15">
        <v>44488.703472222223</v>
      </c>
      <c r="D140" s="1">
        <v>138</v>
      </c>
      <c r="E140" s="1">
        <v>13.84</v>
      </c>
      <c r="F140" s="1">
        <v>1909.92</v>
      </c>
      <c r="G140" s="1" t="s">
        <v>6</v>
      </c>
    </row>
    <row r="141" spans="2:7" x14ac:dyDescent="0.35">
      <c r="B141" s="16">
        <v>44488</v>
      </c>
      <c r="C141" s="15">
        <v>44488.703472222223</v>
      </c>
      <c r="D141" s="1">
        <v>150</v>
      </c>
      <c r="E141" s="1">
        <v>13.84</v>
      </c>
      <c r="F141" s="1">
        <v>2076</v>
      </c>
      <c r="G141" s="1" t="s">
        <v>6</v>
      </c>
    </row>
    <row r="142" spans="2:7" x14ac:dyDescent="0.35">
      <c r="B142" s="16">
        <v>44488</v>
      </c>
      <c r="C142" s="15">
        <v>44488.715289351851</v>
      </c>
      <c r="D142" s="1">
        <v>300</v>
      </c>
      <c r="E142" s="1">
        <v>13.84</v>
      </c>
      <c r="F142" s="1">
        <v>4152</v>
      </c>
      <c r="G142" s="1" t="s">
        <v>6</v>
      </c>
    </row>
    <row r="143" spans="2:7" x14ac:dyDescent="0.35">
      <c r="B143" s="16">
        <v>44488</v>
      </c>
      <c r="C143" s="15">
        <v>44488.715289351851</v>
      </c>
      <c r="D143" s="1">
        <v>652</v>
      </c>
      <c r="E143" s="1">
        <v>13.84</v>
      </c>
      <c r="F143" s="1">
        <v>9023.68</v>
      </c>
      <c r="G143" s="1" t="s">
        <v>6</v>
      </c>
    </row>
    <row r="144" spans="2:7" x14ac:dyDescent="0.35">
      <c r="B144" s="16">
        <v>44488</v>
      </c>
      <c r="C144" s="15">
        <v>44488.715289351851</v>
      </c>
      <c r="D144" s="1">
        <v>59</v>
      </c>
      <c r="E144" s="1">
        <v>13.84</v>
      </c>
      <c r="F144" s="1">
        <v>816.56</v>
      </c>
      <c r="G144" s="1" t="s">
        <v>6</v>
      </c>
    </row>
    <row r="145" spans="2:7" x14ac:dyDescent="0.35">
      <c r="B145" s="16">
        <v>44488</v>
      </c>
      <c r="C145" s="15">
        <v>44488.719409722224</v>
      </c>
      <c r="D145" s="1">
        <v>9</v>
      </c>
      <c r="E145" s="1">
        <v>13.82</v>
      </c>
      <c r="F145" s="1">
        <v>124.38</v>
      </c>
      <c r="G145" s="1" t="s">
        <v>6</v>
      </c>
    </row>
    <row r="146" spans="2:7" x14ac:dyDescent="0.35">
      <c r="B146" s="16">
        <v>44488</v>
      </c>
      <c r="C146" s="15">
        <v>44488.719513888886</v>
      </c>
      <c r="D146" s="1">
        <v>2</v>
      </c>
      <c r="E146" s="1">
        <v>13.82</v>
      </c>
      <c r="F146" s="1">
        <v>27.64</v>
      </c>
      <c r="G146" s="1" t="s">
        <v>6</v>
      </c>
    </row>
    <row r="147" spans="2:7" x14ac:dyDescent="0.35">
      <c r="B147" s="16">
        <v>44488</v>
      </c>
      <c r="C147" s="15">
        <v>44488.719988425924</v>
      </c>
      <c r="D147" s="1">
        <v>3</v>
      </c>
      <c r="E147" s="1">
        <v>13.82</v>
      </c>
      <c r="F147" s="1">
        <v>41.46</v>
      </c>
      <c r="G147" s="1" t="s">
        <v>6</v>
      </c>
    </row>
    <row r="148" spans="2:7" x14ac:dyDescent="0.35">
      <c r="B148" s="16">
        <v>44488</v>
      </c>
      <c r="C148" s="15">
        <v>44488.720208333332</v>
      </c>
      <c r="D148" s="1">
        <v>7</v>
      </c>
      <c r="E148" s="1">
        <v>13.82</v>
      </c>
      <c r="F148" s="1">
        <v>96.740000000000009</v>
      </c>
      <c r="G148" s="1" t="s">
        <v>6</v>
      </c>
    </row>
    <row r="149" spans="2:7" x14ac:dyDescent="0.35">
      <c r="B149" s="16">
        <v>44488</v>
      </c>
      <c r="C149" s="15">
        <v>44488.720567129632</v>
      </c>
      <c r="D149" s="1">
        <v>6</v>
      </c>
      <c r="E149" s="1">
        <v>13.82</v>
      </c>
      <c r="F149" s="1">
        <v>82.92</v>
      </c>
      <c r="G149" s="1" t="s">
        <v>6</v>
      </c>
    </row>
    <row r="150" spans="2:7" x14ac:dyDescent="0.35">
      <c r="B150" s="16">
        <v>44488</v>
      </c>
      <c r="C150" s="15">
        <v>44488.721145833333</v>
      </c>
      <c r="D150" s="1">
        <v>3</v>
      </c>
      <c r="E150" s="1">
        <v>13.82</v>
      </c>
      <c r="F150" s="1">
        <v>41.46</v>
      </c>
      <c r="G150" s="1" t="s">
        <v>6</v>
      </c>
    </row>
    <row r="151" spans="2:7" x14ac:dyDescent="0.35">
      <c r="B151" s="16">
        <v>44488</v>
      </c>
      <c r="C151" s="15">
        <v>44488.721365740741</v>
      </c>
      <c r="D151" s="1">
        <v>20</v>
      </c>
      <c r="E151" s="1">
        <v>13.82</v>
      </c>
      <c r="F151" s="1">
        <v>276.39999999999998</v>
      </c>
      <c r="G151" s="1" t="s">
        <v>6</v>
      </c>
    </row>
    <row r="152" spans="2:7" x14ac:dyDescent="0.35">
      <c r="B152" s="16">
        <v>44488</v>
      </c>
      <c r="C152" s="15">
        <v>44488.721724537034</v>
      </c>
      <c r="D152" s="1">
        <v>6</v>
      </c>
      <c r="E152" s="1">
        <v>13.82</v>
      </c>
      <c r="F152" s="1">
        <v>82.92</v>
      </c>
      <c r="G152" s="1" t="s">
        <v>6</v>
      </c>
    </row>
    <row r="153" spans="2:7" x14ac:dyDescent="0.35">
      <c r="B153" s="16">
        <v>44488</v>
      </c>
      <c r="C153" s="15">
        <v>44488.72210648148</v>
      </c>
      <c r="D153" s="1">
        <v>241</v>
      </c>
      <c r="E153" s="1">
        <v>13.86</v>
      </c>
      <c r="F153" s="1">
        <v>3340.2599999999998</v>
      </c>
      <c r="G153" s="1" t="s">
        <v>6</v>
      </c>
    </row>
    <row r="154" spans="2:7" x14ac:dyDescent="0.35">
      <c r="B154" s="16">
        <v>44488</v>
      </c>
      <c r="C154" s="15">
        <v>44488.72210648148</v>
      </c>
      <c r="D154" s="1">
        <v>53</v>
      </c>
      <c r="E154" s="1">
        <v>13.86</v>
      </c>
      <c r="F154" s="1">
        <v>734.57999999999993</v>
      </c>
      <c r="G154" s="1" t="s">
        <v>6</v>
      </c>
    </row>
    <row r="155" spans="2:7" x14ac:dyDescent="0.35">
      <c r="B155" s="16">
        <v>44488</v>
      </c>
      <c r="C155" s="15">
        <v>44488.724826388891</v>
      </c>
      <c r="D155" s="1">
        <v>9</v>
      </c>
      <c r="E155" s="1">
        <v>13.86</v>
      </c>
      <c r="F155" s="1">
        <v>124.74</v>
      </c>
      <c r="G155" s="1" t="s">
        <v>6</v>
      </c>
    </row>
    <row r="156" spans="2:7" x14ac:dyDescent="0.35">
      <c r="B156" s="16">
        <v>44488</v>
      </c>
      <c r="C156" s="15">
        <v>44488.724826388891</v>
      </c>
      <c r="D156" s="1">
        <v>351</v>
      </c>
      <c r="E156" s="1">
        <v>13.86</v>
      </c>
      <c r="F156" s="1">
        <v>4864.8599999999997</v>
      </c>
      <c r="G156" s="1" t="s">
        <v>6</v>
      </c>
    </row>
    <row r="157" spans="2:7" x14ac:dyDescent="0.35">
      <c r="B157" s="16">
        <v>44489</v>
      </c>
      <c r="C157" s="15">
        <v>44489.389386574076</v>
      </c>
      <c r="D157" s="1">
        <v>109</v>
      </c>
      <c r="E157" s="1">
        <v>13.84</v>
      </c>
      <c r="F157" s="1">
        <v>1508.56</v>
      </c>
      <c r="G157" s="1" t="s">
        <v>6</v>
      </c>
    </row>
    <row r="158" spans="2:7" x14ac:dyDescent="0.35">
      <c r="B158" s="16">
        <v>44489</v>
      </c>
      <c r="C158" s="15">
        <v>44489.389386574076</v>
      </c>
      <c r="D158" s="1">
        <v>244</v>
      </c>
      <c r="E158" s="1">
        <v>13.84</v>
      </c>
      <c r="F158" s="1">
        <v>3376.96</v>
      </c>
      <c r="G158" s="1" t="s">
        <v>6</v>
      </c>
    </row>
    <row r="159" spans="2:7" x14ac:dyDescent="0.35">
      <c r="B159" s="16">
        <v>44489</v>
      </c>
      <c r="C159" s="15">
        <v>44489.395925925928</v>
      </c>
      <c r="D159" s="1">
        <v>217</v>
      </c>
      <c r="E159" s="1">
        <v>13.82</v>
      </c>
      <c r="F159" s="1">
        <v>2998.94</v>
      </c>
      <c r="G159" s="1" t="s">
        <v>6</v>
      </c>
    </row>
    <row r="160" spans="2:7" x14ac:dyDescent="0.35">
      <c r="B160" s="16">
        <v>44489</v>
      </c>
      <c r="C160" s="15">
        <v>44489.395925925928</v>
      </c>
      <c r="D160" s="1">
        <v>198</v>
      </c>
      <c r="E160" s="1">
        <v>13.82</v>
      </c>
      <c r="F160" s="1">
        <v>2736.36</v>
      </c>
      <c r="G160" s="1" t="s">
        <v>6</v>
      </c>
    </row>
    <row r="161" spans="2:7" x14ac:dyDescent="0.35">
      <c r="B161" s="16">
        <v>44489</v>
      </c>
      <c r="C161" s="15">
        <v>44489.396574074075</v>
      </c>
      <c r="D161" s="1">
        <v>217</v>
      </c>
      <c r="E161" s="1">
        <v>13.82</v>
      </c>
      <c r="F161" s="1">
        <v>2998.94</v>
      </c>
      <c r="G161" s="1" t="s">
        <v>6</v>
      </c>
    </row>
    <row r="162" spans="2:7" x14ac:dyDescent="0.35">
      <c r="B162" s="16">
        <v>44489</v>
      </c>
      <c r="C162" s="15">
        <v>44489.397939814815</v>
      </c>
      <c r="D162" s="1">
        <v>217</v>
      </c>
      <c r="E162" s="1">
        <v>13.82</v>
      </c>
      <c r="F162" s="1">
        <v>2998.94</v>
      </c>
      <c r="G162" s="1" t="s">
        <v>6</v>
      </c>
    </row>
    <row r="163" spans="2:7" x14ac:dyDescent="0.35">
      <c r="B163" s="16">
        <v>44489</v>
      </c>
      <c r="C163" s="15">
        <v>44489.397939814815</v>
      </c>
      <c r="D163" s="1">
        <v>126</v>
      </c>
      <c r="E163" s="1">
        <v>13.82</v>
      </c>
      <c r="F163" s="1">
        <v>1741.32</v>
      </c>
      <c r="G163" s="1" t="s">
        <v>6</v>
      </c>
    </row>
    <row r="164" spans="2:7" x14ac:dyDescent="0.35">
      <c r="B164" s="16">
        <v>44489</v>
      </c>
      <c r="C164" s="15">
        <v>44489.41134259259</v>
      </c>
      <c r="D164" s="1">
        <v>135</v>
      </c>
      <c r="E164" s="1">
        <v>13.78</v>
      </c>
      <c r="F164" s="1">
        <v>1860.3</v>
      </c>
      <c r="G164" s="1" t="s">
        <v>6</v>
      </c>
    </row>
    <row r="165" spans="2:7" x14ac:dyDescent="0.35">
      <c r="B165" s="16">
        <v>44489</v>
      </c>
      <c r="C165" s="15">
        <v>44489.41134259259</v>
      </c>
      <c r="D165" s="1">
        <v>47</v>
      </c>
      <c r="E165" s="1">
        <v>13.78</v>
      </c>
      <c r="F165" s="1">
        <v>647.66</v>
      </c>
      <c r="G165" s="1" t="s">
        <v>6</v>
      </c>
    </row>
    <row r="166" spans="2:7" x14ac:dyDescent="0.35">
      <c r="B166" s="16">
        <v>44489</v>
      </c>
      <c r="C166" s="15">
        <v>44489.41134259259</v>
      </c>
      <c r="D166" s="1">
        <v>160</v>
      </c>
      <c r="E166" s="1">
        <v>13.78</v>
      </c>
      <c r="F166" s="1">
        <v>2204.7999999999997</v>
      </c>
      <c r="G166" s="1" t="s">
        <v>6</v>
      </c>
    </row>
    <row r="167" spans="2:7" x14ac:dyDescent="0.35">
      <c r="B167" s="16">
        <v>44489</v>
      </c>
      <c r="C167" s="15">
        <v>44489.414039351854</v>
      </c>
      <c r="D167" s="1">
        <v>200</v>
      </c>
      <c r="E167" s="1">
        <v>13.76</v>
      </c>
      <c r="F167" s="1">
        <v>2752</v>
      </c>
      <c r="G167" s="1" t="s">
        <v>6</v>
      </c>
    </row>
    <row r="168" spans="2:7" x14ac:dyDescent="0.35">
      <c r="B168" s="16">
        <v>44489</v>
      </c>
      <c r="C168" s="15">
        <v>44489.414039351854</v>
      </c>
      <c r="D168" s="1">
        <v>35</v>
      </c>
      <c r="E168" s="1">
        <v>13.76</v>
      </c>
      <c r="F168" s="1">
        <v>481.59999999999997</v>
      </c>
      <c r="G168" s="1" t="s">
        <v>6</v>
      </c>
    </row>
    <row r="169" spans="2:7" x14ac:dyDescent="0.35">
      <c r="B169" s="16">
        <v>44489</v>
      </c>
      <c r="C169" s="15">
        <v>44489.414039351854</v>
      </c>
      <c r="D169" s="1">
        <v>165</v>
      </c>
      <c r="E169" s="1">
        <v>13.76</v>
      </c>
      <c r="F169" s="1">
        <v>2270.4</v>
      </c>
      <c r="G169" s="1" t="s">
        <v>6</v>
      </c>
    </row>
    <row r="170" spans="2:7" x14ac:dyDescent="0.35">
      <c r="B170" s="16">
        <v>44489</v>
      </c>
      <c r="C170" s="15">
        <v>44489.414039351854</v>
      </c>
      <c r="D170" s="1">
        <v>119</v>
      </c>
      <c r="E170" s="1">
        <v>13.76</v>
      </c>
      <c r="F170" s="1">
        <v>1637.44</v>
      </c>
      <c r="G170" s="1" t="s">
        <v>6</v>
      </c>
    </row>
    <row r="171" spans="2:7" x14ac:dyDescent="0.35">
      <c r="B171" s="16">
        <v>44489</v>
      </c>
      <c r="C171" s="15">
        <v>44489.414039351854</v>
      </c>
      <c r="D171" s="1">
        <v>200</v>
      </c>
      <c r="E171" s="1">
        <v>13.76</v>
      </c>
      <c r="F171" s="1">
        <v>2752</v>
      </c>
      <c r="G171" s="1" t="s">
        <v>6</v>
      </c>
    </row>
    <row r="172" spans="2:7" x14ac:dyDescent="0.35">
      <c r="B172" s="16">
        <v>44489</v>
      </c>
      <c r="C172" s="15">
        <v>44489.414039351854</v>
      </c>
      <c r="D172" s="1">
        <v>326</v>
      </c>
      <c r="E172" s="1">
        <v>13.76</v>
      </c>
      <c r="F172" s="1">
        <v>4485.76</v>
      </c>
      <c r="G172" s="1" t="s">
        <v>6</v>
      </c>
    </row>
    <row r="173" spans="2:7" x14ac:dyDescent="0.35">
      <c r="B173" s="16">
        <v>44489</v>
      </c>
      <c r="C173" s="15">
        <v>44489.414039351854</v>
      </c>
      <c r="D173" s="1">
        <v>200</v>
      </c>
      <c r="E173" s="1">
        <v>13.76</v>
      </c>
      <c r="F173" s="1">
        <v>2752</v>
      </c>
      <c r="G173" s="1" t="s">
        <v>6</v>
      </c>
    </row>
    <row r="174" spans="2:7" x14ac:dyDescent="0.35">
      <c r="B174" s="16">
        <v>44489</v>
      </c>
      <c r="C174" s="15">
        <v>44489.414039351854</v>
      </c>
      <c r="D174" s="1">
        <v>326</v>
      </c>
      <c r="E174" s="1">
        <v>13.76</v>
      </c>
      <c r="F174" s="1">
        <v>4485.76</v>
      </c>
      <c r="G174" s="1" t="s">
        <v>6</v>
      </c>
    </row>
    <row r="175" spans="2:7" x14ac:dyDescent="0.35">
      <c r="B175" s="16">
        <v>44489</v>
      </c>
      <c r="C175" s="15">
        <v>44489.414039351854</v>
      </c>
      <c r="D175" s="1">
        <v>200</v>
      </c>
      <c r="E175" s="1">
        <v>13.76</v>
      </c>
      <c r="F175" s="1">
        <v>2752</v>
      </c>
      <c r="G175" s="1" t="s">
        <v>6</v>
      </c>
    </row>
    <row r="176" spans="2:7" x14ac:dyDescent="0.35">
      <c r="B176" s="16">
        <v>44489</v>
      </c>
      <c r="C176" s="15">
        <v>44489.414039351854</v>
      </c>
      <c r="D176" s="1">
        <v>229</v>
      </c>
      <c r="E176" s="1">
        <v>13.76</v>
      </c>
      <c r="F176" s="1">
        <v>3151.04</v>
      </c>
      <c r="G176" s="1" t="s">
        <v>6</v>
      </c>
    </row>
    <row r="177" spans="2:7" x14ac:dyDescent="0.35">
      <c r="B177" s="16">
        <v>44489</v>
      </c>
      <c r="C177" s="15">
        <v>44489.414039351854</v>
      </c>
      <c r="D177" s="1">
        <v>50</v>
      </c>
      <c r="E177" s="1">
        <v>13.76</v>
      </c>
      <c r="F177" s="1">
        <v>688</v>
      </c>
      <c r="G177" s="1" t="s">
        <v>6</v>
      </c>
    </row>
    <row r="178" spans="2:7" x14ac:dyDescent="0.35">
      <c r="B178" s="16">
        <v>44489</v>
      </c>
      <c r="C178" s="15">
        <v>44489.414039351854</v>
      </c>
      <c r="D178" s="1">
        <v>284</v>
      </c>
      <c r="E178" s="1">
        <v>13.76</v>
      </c>
      <c r="F178" s="1">
        <v>3907.84</v>
      </c>
      <c r="G178" s="1" t="s">
        <v>6</v>
      </c>
    </row>
    <row r="179" spans="2:7" x14ac:dyDescent="0.35">
      <c r="B179" s="16">
        <v>44489</v>
      </c>
      <c r="C179" s="15">
        <v>44489.432013888887</v>
      </c>
      <c r="D179" s="1">
        <v>172</v>
      </c>
      <c r="E179" s="1">
        <v>13.78</v>
      </c>
      <c r="F179" s="1">
        <v>2370.16</v>
      </c>
      <c r="G179" s="1" t="s">
        <v>6</v>
      </c>
    </row>
    <row r="180" spans="2:7" x14ac:dyDescent="0.35">
      <c r="B180" s="16">
        <v>44489</v>
      </c>
      <c r="C180" s="15">
        <v>44489.440960648149</v>
      </c>
      <c r="D180" s="1">
        <v>63</v>
      </c>
      <c r="E180" s="1">
        <v>13.78</v>
      </c>
      <c r="F180" s="1">
        <v>868.14</v>
      </c>
      <c r="G180" s="1" t="s">
        <v>6</v>
      </c>
    </row>
    <row r="181" spans="2:7" x14ac:dyDescent="0.35">
      <c r="B181" s="16">
        <v>44489</v>
      </c>
      <c r="C181" s="15">
        <v>44489.440960648149</v>
      </c>
      <c r="D181" s="1">
        <v>190</v>
      </c>
      <c r="E181" s="1">
        <v>13.78</v>
      </c>
      <c r="F181" s="1">
        <v>2618.1999999999998</v>
      </c>
      <c r="G181" s="1" t="s">
        <v>6</v>
      </c>
    </row>
    <row r="182" spans="2:7" x14ac:dyDescent="0.35">
      <c r="B182" s="16">
        <v>44489</v>
      </c>
      <c r="C182" s="15">
        <v>44489.441134259258</v>
      </c>
      <c r="D182" s="1">
        <v>198</v>
      </c>
      <c r="E182" s="1">
        <v>13.78</v>
      </c>
      <c r="F182" s="1">
        <v>2728.44</v>
      </c>
      <c r="G182" s="1" t="s">
        <v>6</v>
      </c>
    </row>
    <row r="183" spans="2:7" x14ac:dyDescent="0.35">
      <c r="B183" s="16">
        <v>44489</v>
      </c>
      <c r="C183" s="15">
        <v>44489.441134259258</v>
      </c>
      <c r="D183" s="1">
        <v>92</v>
      </c>
      <c r="E183" s="1">
        <v>13.78</v>
      </c>
      <c r="F183" s="1">
        <v>1267.76</v>
      </c>
      <c r="G183" s="1" t="s">
        <v>6</v>
      </c>
    </row>
    <row r="184" spans="2:7" x14ac:dyDescent="0.35">
      <c r="B184" s="16">
        <v>44489</v>
      </c>
      <c r="C184" s="15">
        <v>44489.472951388889</v>
      </c>
      <c r="D184" s="1">
        <v>100</v>
      </c>
      <c r="E184" s="1">
        <v>13.8</v>
      </c>
      <c r="F184" s="1">
        <v>1380</v>
      </c>
      <c r="G184" s="1" t="s">
        <v>6</v>
      </c>
    </row>
    <row r="185" spans="2:7" x14ac:dyDescent="0.35">
      <c r="B185" s="16">
        <v>44489</v>
      </c>
      <c r="C185" s="15">
        <v>44489.472951388889</v>
      </c>
      <c r="D185" s="1">
        <v>234</v>
      </c>
      <c r="E185" s="1">
        <v>13.8</v>
      </c>
      <c r="F185" s="1">
        <v>3229.2000000000003</v>
      </c>
      <c r="G185" s="1" t="s">
        <v>6</v>
      </c>
    </row>
    <row r="186" spans="2:7" x14ac:dyDescent="0.35">
      <c r="B186" s="16">
        <v>44489</v>
      </c>
      <c r="C186" s="15">
        <v>44489.480937499997</v>
      </c>
      <c r="D186" s="1">
        <v>40</v>
      </c>
      <c r="E186" s="1">
        <v>13.78</v>
      </c>
      <c r="F186" s="1">
        <v>551.19999999999993</v>
      </c>
      <c r="G186" s="1" t="s">
        <v>6</v>
      </c>
    </row>
    <row r="187" spans="2:7" x14ac:dyDescent="0.35">
      <c r="B187" s="16">
        <v>44489</v>
      </c>
      <c r="C187" s="15">
        <v>44489.49459490741</v>
      </c>
      <c r="D187" s="1">
        <v>317</v>
      </c>
      <c r="E187" s="1">
        <v>13.78</v>
      </c>
      <c r="F187" s="1">
        <v>4368.26</v>
      </c>
      <c r="G187" s="1" t="s">
        <v>6</v>
      </c>
    </row>
    <row r="188" spans="2:7" x14ac:dyDescent="0.35">
      <c r="B188" s="16">
        <v>44489</v>
      </c>
      <c r="C188" s="15">
        <v>44489.504490740743</v>
      </c>
      <c r="D188" s="1">
        <v>378</v>
      </c>
      <c r="E188" s="1">
        <v>13.82</v>
      </c>
      <c r="F188" s="1">
        <v>5223.96</v>
      </c>
      <c r="G188" s="1" t="s">
        <v>6</v>
      </c>
    </row>
    <row r="189" spans="2:7" x14ac:dyDescent="0.35">
      <c r="B189" s="16">
        <v>44489</v>
      </c>
      <c r="C189" s="15">
        <v>44489.504490740743</v>
      </c>
      <c r="D189" s="1">
        <v>325</v>
      </c>
      <c r="E189" s="1">
        <v>13.82</v>
      </c>
      <c r="F189" s="1">
        <v>4491.5</v>
      </c>
      <c r="G189" s="1" t="s">
        <v>6</v>
      </c>
    </row>
    <row r="190" spans="2:7" x14ac:dyDescent="0.35">
      <c r="B190" s="16">
        <v>44489</v>
      </c>
      <c r="C190" s="15">
        <v>44489.5075</v>
      </c>
      <c r="D190" s="1">
        <v>346</v>
      </c>
      <c r="E190" s="1">
        <v>13.8</v>
      </c>
      <c r="F190" s="1">
        <v>4774.8</v>
      </c>
      <c r="G190" s="1" t="s">
        <v>6</v>
      </c>
    </row>
    <row r="191" spans="2:7" x14ac:dyDescent="0.35">
      <c r="B191" s="16">
        <v>44489</v>
      </c>
      <c r="C191" s="15">
        <v>44489.514513888891</v>
      </c>
      <c r="D191" s="1">
        <v>311</v>
      </c>
      <c r="E191" s="1">
        <v>13.8</v>
      </c>
      <c r="F191" s="1">
        <v>4291.8</v>
      </c>
      <c r="G191" s="1" t="s">
        <v>6</v>
      </c>
    </row>
    <row r="192" spans="2:7" x14ac:dyDescent="0.35">
      <c r="B192" s="16">
        <v>44489</v>
      </c>
      <c r="C192" s="15">
        <v>44489.514513888891</v>
      </c>
      <c r="D192" s="1">
        <v>46</v>
      </c>
      <c r="E192" s="1">
        <v>13.8</v>
      </c>
      <c r="F192" s="1">
        <v>634.80000000000007</v>
      </c>
      <c r="G192" s="1" t="s">
        <v>6</v>
      </c>
    </row>
    <row r="193" spans="2:7" x14ac:dyDescent="0.35">
      <c r="B193" s="16">
        <v>44489</v>
      </c>
      <c r="C193" s="15">
        <v>44489.536689814813</v>
      </c>
      <c r="D193" s="1">
        <v>100</v>
      </c>
      <c r="E193" s="1">
        <v>13.8</v>
      </c>
      <c r="F193" s="1">
        <v>1380</v>
      </c>
      <c r="G193" s="1" t="s">
        <v>6</v>
      </c>
    </row>
    <row r="194" spans="2:7" x14ac:dyDescent="0.35">
      <c r="B194" s="16">
        <v>44489</v>
      </c>
      <c r="C194" s="15">
        <v>44489.536689814813</v>
      </c>
      <c r="D194" s="1">
        <v>230</v>
      </c>
      <c r="E194" s="1">
        <v>13.8</v>
      </c>
      <c r="F194" s="1">
        <v>3174</v>
      </c>
      <c r="G194" s="1" t="s">
        <v>6</v>
      </c>
    </row>
    <row r="195" spans="2:7" x14ac:dyDescent="0.35">
      <c r="B195" s="16">
        <v>44489</v>
      </c>
      <c r="C195" s="15">
        <v>44489.57539351852</v>
      </c>
      <c r="D195" s="1">
        <v>308</v>
      </c>
      <c r="E195" s="1">
        <v>13.8</v>
      </c>
      <c r="F195" s="1">
        <v>4250.4000000000005</v>
      </c>
      <c r="G195" s="1" t="s">
        <v>6</v>
      </c>
    </row>
    <row r="196" spans="2:7" x14ac:dyDescent="0.35">
      <c r="B196" s="16">
        <v>44489</v>
      </c>
      <c r="C196" s="15">
        <v>44489.57539351852</v>
      </c>
      <c r="D196" s="1">
        <v>8</v>
      </c>
      <c r="E196" s="1">
        <v>13.8</v>
      </c>
      <c r="F196" s="1">
        <v>110.4</v>
      </c>
      <c r="G196" s="1" t="s">
        <v>6</v>
      </c>
    </row>
    <row r="197" spans="2:7" x14ac:dyDescent="0.35">
      <c r="B197" s="16">
        <v>44489</v>
      </c>
      <c r="C197" s="15">
        <v>44489.592303240737</v>
      </c>
      <c r="D197" s="1">
        <v>219</v>
      </c>
      <c r="E197" s="1">
        <v>13.88</v>
      </c>
      <c r="F197" s="1">
        <v>3039.7200000000003</v>
      </c>
      <c r="G197" s="1" t="s">
        <v>6</v>
      </c>
    </row>
    <row r="198" spans="2:7" x14ac:dyDescent="0.35">
      <c r="B198" s="16">
        <v>44489</v>
      </c>
      <c r="C198" s="15">
        <v>44489.597442129627</v>
      </c>
      <c r="D198" s="1">
        <v>214</v>
      </c>
      <c r="E198" s="1">
        <v>13.88</v>
      </c>
      <c r="F198" s="1">
        <v>2970.32</v>
      </c>
      <c r="G198" s="1" t="s">
        <v>6</v>
      </c>
    </row>
    <row r="199" spans="2:7" x14ac:dyDescent="0.35">
      <c r="B199" s="16">
        <v>44489</v>
      </c>
      <c r="C199" s="15">
        <v>44489.597442129627</v>
      </c>
      <c r="D199" s="1">
        <v>124</v>
      </c>
      <c r="E199" s="1">
        <v>13.88</v>
      </c>
      <c r="F199" s="1">
        <v>1721.1200000000001</v>
      </c>
      <c r="G199" s="1" t="s">
        <v>6</v>
      </c>
    </row>
    <row r="200" spans="2:7" x14ac:dyDescent="0.35">
      <c r="B200" s="16">
        <v>44489</v>
      </c>
      <c r="C200" s="15">
        <v>44489.605763888889</v>
      </c>
      <c r="D200" s="1">
        <v>10</v>
      </c>
      <c r="E200" s="1">
        <v>13.86</v>
      </c>
      <c r="F200" s="1">
        <v>138.6</v>
      </c>
      <c r="G200" s="1" t="s">
        <v>6</v>
      </c>
    </row>
    <row r="201" spans="2:7" x14ac:dyDescent="0.35">
      <c r="B201" s="16">
        <v>44489</v>
      </c>
      <c r="C201" s="15">
        <v>44489.605763888889</v>
      </c>
      <c r="D201" s="1">
        <v>672</v>
      </c>
      <c r="E201" s="1">
        <v>13.86</v>
      </c>
      <c r="F201" s="1">
        <v>9313.92</v>
      </c>
      <c r="G201" s="1" t="s">
        <v>6</v>
      </c>
    </row>
    <row r="202" spans="2:7" x14ac:dyDescent="0.35">
      <c r="B202" s="16">
        <v>44489</v>
      </c>
      <c r="C202" s="15">
        <v>44489.626956018517</v>
      </c>
      <c r="D202" s="1">
        <v>45</v>
      </c>
      <c r="E202" s="1">
        <v>13.84</v>
      </c>
      <c r="F202" s="1">
        <v>622.79999999999995</v>
      </c>
      <c r="G202" s="1" t="s">
        <v>6</v>
      </c>
    </row>
    <row r="203" spans="2:7" x14ac:dyDescent="0.35">
      <c r="B203" s="16">
        <v>44489</v>
      </c>
      <c r="C203" s="15">
        <v>44489.626956018517</v>
      </c>
      <c r="D203" s="1">
        <v>281</v>
      </c>
      <c r="E203" s="1">
        <v>13.84</v>
      </c>
      <c r="F203" s="1">
        <v>3889.04</v>
      </c>
      <c r="G203" s="1" t="s">
        <v>6</v>
      </c>
    </row>
    <row r="204" spans="2:7" x14ac:dyDescent="0.35">
      <c r="B204" s="16">
        <v>44489</v>
      </c>
      <c r="C204" s="15">
        <v>44489.626956018517</v>
      </c>
      <c r="D204" s="1">
        <v>341</v>
      </c>
      <c r="E204" s="1">
        <v>13.84</v>
      </c>
      <c r="F204" s="1">
        <v>4719.4399999999996</v>
      </c>
      <c r="G204" s="1" t="s">
        <v>6</v>
      </c>
    </row>
    <row r="205" spans="2:7" x14ac:dyDescent="0.35">
      <c r="B205" s="16">
        <v>44489</v>
      </c>
      <c r="C205" s="15">
        <v>44489.651701388888</v>
      </c>
      <c r="D205" s="1">
        <v>360</v>
      </c>
      <c r="E205" s="1">
        <v>13.84</v>
      </c>
      <c r="F205" s="1">
        <v>4982.3999999999996</v>
      </c>
      <c r="G205" s="1" t="s">
        <v>6</v>
      </c>
    </row>
    <row r="206" spans="2:7" x14ac:dyDescent="0.35">
      <c r="B206" s="16">
        <v>44489</v>
      </c>
      <c r="C206" s="15">
        <v>44489.651701388888</v>
      </c>
      <c r="D206" s="1">
        <v>11</v>
      </c>
      <c r="E206" s="1">
        <v>13.84</v>
      </c>
      <c r="F206" s="1">
        <v>152.24</v>
      </c>
      <c r="G206" s="1" t="s">
        <v>6</v>
      </c>
    </row>
    <row r="207" spans="2:7" x14ac:dyDescent="0.35">
      <c r="B207" s="16">
        <v>44489</v>
      </c>
      <c r="C207" s="15">
        <v>44489.653495370374</v>
      </c>
      <c r="D207" s="1">
        <v>200</v>
      </c>
      <c r="E207" s="1">
        <v>13.84</v>
      </c>
      <c r="F207" s="1">
        <v>2768</v>
      </c>
      <c r="G207" s="1" t="s">
        <v>6</v>
      </c>
    </row>
    <row r="208" spans="2:7" x14ac:dyDescent="0.35">
      <c r="B208" s="16">
        <v>44489</v>
      </c>
      <c r="C208" s="15">
        <v>44489.653495370374</v>
      </c>
      <c r="D208" s="1">
        <v>200</v>
      </c>
      <c r="E208" s="1">
        <v>13.84</v>
      </c>
      <c r="F208" s="1">
        <v>2768</v>
      </c>
      <c r="G208" s="1" t="s">
        <v>6</v>
      </c>
    </row>
    <row r="209" spans="2:7" x14ac:dyDescent="0.35">
      <c r="B209" s="16">
        <v>44489</v>
      </c>
      <c r="C209" s="15">
        <v>44489.653495370374</v>
      </c>
      <c r="D209" s="1">
        <v>100</v>
      </c>
      <c r="E209" s="1">
        <v>13.84</v>
      </c>
      <c r="F209" s="1">
        <v>1384</v>
      </c>
      <c r="G209" s="1" t="s">
        <v>6</v>
      </c>
    </row>
    <row r="210" spans="2:7" x14ac:dyDescent="0.35">
      <c r="B210" s="16">
        <v>44489</v>
      </c>
      <c r="C210" s="15">
        <v>44489.66097222222</v>
      </c>
      <c r="D210" s="1">
        <v>225</v>
      </c>
      <c r="E210" s="1">
        <v>13.88</v>
      </c>
      <c r="F210" s="1">
        <v>3123</v>
      </c>
      <c r="G210" s="1" t="s">
        <v>6</v>
      </c>
    </row>
    <row r="211" spans="2:7" x14ac:dyDescent="0.35">
      <c r="B211" s="16">
        <v>44489</v>
      </c>
      <c r="C211" s="15">
        <v>44489.66097222222</v>
      </c>
      <c r="D211" s="1">
        <v>117</v>
      </c>
      <c r="E211" s="1">
        <v>13.88</v>
      </c>
      <c r="F211" s="1">
        <v>1623.96</v>
      </c>
      <c r="G211" s="1" t="s">
        <v>6</v>
      </c>
    </row>
    <row r="212" spans="2:7" x14ac:dyDescent="0.35">
      <c r="B212" s="16">
        <v>44489</v>
      </c>
      <c r="C212" s="15">
        <v>44489.663541666669</v>
      </c>
      <c r="D212" s="1">
        <v>976</v>
      </c>
      <c r="E212" s="1">
        <v>13.86</v>
      </c>
      <c r="F212" s="1">
        <v>13527.359999999999</v>
      </c>
      <c r="G212" s="1" t="s">
        <v>6</v>
      </c>
    </row>
    <row r="213" spans="2:7" x14ac:dyDescent="0.35">
      <c r="B213" s="16">
        <v>44489</v>
      </c>
      <c r="C213" s="15">
        <v>44489.677870370368</v>
      </c>
      <c r="D213" s="1">
        <v>330</v>
      </c>
      <c r="E213" s="1">
        <v>13.92</v>
      </c>
      <c r="F213" s="1">
        <v>4593.6000000000004</v>
      </c>
      <c r="G213" s="1" t="s">
        <v>6</v>
      </c>
    </row>
    <row r="214" spans="2:7" x14ac:dyDescent="0.35">
      <c r="B214" s="16">
        <v>44489</v>
      </c>
      <c r="C214" s="15">
        <v>44489.680787037039</v>
      </c>
      <c r="D214" s="1">
        <v>358</v>
      </c>
      <c r="E214" s="1">
        <v>13.9</v>
      </c>
      <c r="F214" s="1">
        <v>4976.2</v>
      </c>
      <c r="G214" s="1" t="s">
        <v>6</v>
      </c>
    </row>
    <row r="215" spans="2:7" x14ac:dyDescent="0.35">
      <c r="B215" s="16">
        <v>44489</v>
      </c>
      <c r="C215" s="15">
        <v>44489.702164351853</v>
      </c>
      <c r="D215" s="1">
        <v>307</v>
      </c>
      <c r="E215" s="1">
        <v>13.9</v>
      </c>
      <c r="F215" s="1">
        <v>4267.3</v>
      </c>
      <c r="G215" s="1" t="s">
        <v>6</v>
      </c>
    </row>
    <row r="216" spans="2:7" x14ac:dyDescent="0.35">
      <c r="B216" s="16">
        <v>44489</v>
      </c>
      <c r="C216" s="15">
        <v>44489.713738425926</v>
      </c>
      <c r="D216" s="1">
        <v>75</v>
      </c>
      <c r="E216" s="1">
        <v>13.94</v>
      </c>
      <c r="F216" s="1">
        <v>1045.5</v>
      </c>
      <c r="G216" s="1" t="s">
        <v>6</v>
      </c>
    </row>
    <row r="217" spans="2:7" x14ac:dyDescent="0.35">
      <c r="B217" s="16">
        <v>44489</v>
      </c>
      <c r="C217" s="15">
        <v>44489.713738425926</v>
      </c>
      <c r="D217" s="1">
        <v>249</v>
      </c>
      <c r="E217" s="1">
        <v>13.94</v>
      </c>
      <c r="F217" s="1">
        <v>3471.06</v>
      </c>
      <c r="G217" s="1" t="s">
        <v>6</v>
      </c>
    </row>
    <row r="218" spans="2:7" x14ac:dyDescent="0.35">
      <c r="B218" s="16">
        <v>44489</v>
      </c>
      <c r="C218" s="15">
        <v>44489.713738425926</v>
      </c>
      <c r="D218" s="1">
        <v>500</v>
      </c>
      <c r="E218" s="1">
        <v>13.94</v>
      </c>
      <c r="F218" s="1">
        <v>6970</v>
      </c>
      <c r="G218" s="1" t="s">
        <v>6</v>
      </c>
    </row>
    <row r="219" spans="2:7" x14ac:dyDescent="0.35">
      <c r="B219" s="16">
        <v>44489</v>
      </c>
      <c r="C219" s="15">
        <v>44489.713738425926</v>
      </c>
      <c r="D219" s="1">
        <v>24</v>
      </c>
      <c r="E219" s="1">
        <v>13.94</v>
      </c>
      <c r="F219" s="1">
        <v>334.56</v>
      </c>
      <c r="G219" s="1" t="s">
        <v>6</v>
      </c>
    </row>
    <row r="220" spans="2:7" x14ac:dyDescent="0.35">
      <c r="B220" s="16">
        <v>44489</v>
      </c>
      <c r="C220" s="15">
        <v>44489.713738425926</v>
      </c>
      <c r="D220" s="1">
        <v>17</v>
      </c>
      <c r="E220" s="1">
        <v>13.94</v>
      </c>
      <c r="F220" s="1">
        <v>236.98</v>
      </c>
      <c r="G220" s="1" t="s">
        <v>6</v>
      </c>
    </row>
    <row r="221" spans="2:7" x14ac:dyDescent="0.35">
      <c r="B221" s="16">
        <v>44489</v>
      </c>
      <c r="C221" s="15">
        <v>44489.713738425926</v>
      </c>
      <c r="D221" s="1">
        <v>284</v>
      </c>
      <c r="E221" s="1">
        <v>13.94</v>
      </c>
      <c r="F221" s="1">
        <v>3958.96</v>
      </c>
      <c r="G221" s="1" t="s">
        <v>6</v>
      </c>
    </row>
    <row r="222" spans="2:7" x14ac:dyDescent="0.35">
      <c r="B222" s="16">
        <v>44489</v>
      </c>
      <c r="C222" s="15">
        <v>44489.713738425926</v>
      </c>
      <c r="D222" s="1">
        <v>200</v>
      </c>
      <c r="E222" s="1">
        <v>13.94</v>
      </c>
      <c r="F222" s="1">
        <v>2788</v>
      </c>
      <c r="G222" s="1" t="s">
        <v>6</v>
      </c>
    </row>
    <row r="223" spans="2:7" x14ac:dyDescent="0.35">
      <c r="B223" s="16">
        <v>44489</v>
      </c>
      <c r="C223" s="15">
        <v>44489.713738425926</v>
      </c>
      <c r="D223" s="1">
        <v>77</v>
      </c>
      <c r="E223" s="1">
        <v>13.94</v>
      </c>
      <c r="F223" s="1">
        <v>1073.3799999999999</v>
      </c>
      <c r="G223" s="1" t="s">
        <v>6</v>
      </c>
    </row>
    <row r="224" spans="2:7" x14ac:dyDescent="0.35">
      <c r="B224" s="16">
        <v>44489</v>
      </c>
      <c r="C224" s="15">
        <v>44489.713738425926</v>
      </c>
      <c r="D224" s="1">
        <v>74</v>
      </c>
      <c r="E224" s="1">
        <v>13.94</v>
      </c>
      <c r="F224" s="1">
        <v>1031.56</v>
      </c>
      <c r="G224" s="1" t="s">
        <v>6</v>
      </c>
    </row>
    <row r="225" spans="2:7" x14ac:dyDescent="0.35">
      <c r="B225" s="16">
        <v>44489</v>
      </c>
      <c r="C225" s="15">
        <v>44489.715787037036</v>
      </c>
      <c r="D225" s="1">
        <v>19</v>
      </c>
      <c r="E225" s="1">
        <v>13.9</v>
      </c>
      <c r="F225" s="1">
        <v>264.10000000000002</v>
      </c>
      <c r="G225" s="1" t="s">
        <v>6</v>
      </c>
    </row>
    <row r="226" spans="2:7" x14ac:dyDescent="0.35">
      <c r="B226" s="16">
        <v>44489</v>
      </c>
      <c r="C226" s="15">
        <v>44489.715787037036</v>
      </c>
      <c r="D226" s="1">
        <v>312</v>
      </c>
      <c r="E226" s="1">
        <v>13.9</v>
      </c>
      <c r="F226" s="1">
        <v>4336.8</v>
      </c>
      <c r="G226" s="1" t="s">
        <v>6</v>
      </c>
    </row>
    <row r="227" spans="2:7" x14ac:dyDescent="0.35">
      <c r="B227" s="16">
        <v>44489</v>
      </c>
      <c r="C227" s="15">
        <v>44489.723912037036</v>
      </c>
      <c r="D227" s="1">
        <v>11</v>
      </c>
      <c r="E227" s="1">
        <v>13.96</v>
      </c>
      <c r="F227" s="1">
        <v>153.56</v>
      </c>
      <c r="G227" s="1" t="s">
        <v>6</v>
      </c>
    </row>
    <row r="228" spans="2:7" x14ac:dyDescent="0.35">
      <c r="B228" s="16">
        <v>44489</v>
      </c>
      <c r="C228" s="15">
        <v>44489.723912037036</v>
      </c>
      <c r="D228" s="1">
        <v>118</v>
      </c>
      <c r="E228" s="1">
        <v>13.96</v>
      </c>
      <c r="F228" s="1">
        <v>1647.2800000000002</v>
      </c>
      <c r="G228" s="1" t="s">
        <v>6</v>
      </c>
    </row>
    <row r="229" spans="2:7" x14ac:dyDescent="0.35">
      <c r="B229" s="16">
        <v>44489</v>
      </c>
      <c r="C229" s="15">
        <v>44489.724814814814</v>
      </c>
      <c r="D229" s="1">
        <v>240</v>
      </c>
      <c r="E229" s="1">
        <v>13.96</v>
      </c>
      <c r="F229" s="1">
        <v>3350.4</v>
      </c>
      <c r="G229" s="1" t="s">
        <v>6</v>
      </c>
    </row>
    <row r="230" spans="2:7" x14ac:dyDescent="0.35">
      <c r="B230" s="16">
        <v>44489</v>
      </c>
      <c r="C230" s="15">
        <v>44489.724814814814</v>
      </c>
      <c r="D230" s="1">
        <v>248</v>
      </c>
      <c r="E230" s="1">
        <v>13.96</v>
      </c>
      <c r="F230" s="1">
        <v>3462.0800000000004</v>
      </c>
      <c r="G230" s="1" t="s">
        <v>6</v>
      </c>
    </row>
    <row r="231" spans="2:7" x14ac:dyDescent="0.35">
      <c r="B231" s="16">
        <v>44490</v>
      </c>
      <c r="C231" s="15">
        <v>44490.380879629629</v>
      </c>
      <c r="D231" s="1">
        <v>347</v>
      </c>
      <c r="E231" s="1">
        <v>13.74</v>
      </c>
      <c r="F231" s="1">
        <v>4767.78</v>
      </c>
      <c r="G231" s="1" t="s">
        <v>6</v>
      </c>
    </row>
    <row r="232" spans="2:7" x14ac:dyDescent="0.35">
      <c r="B232" s="16">
        <v>44490</v>
      </c>
      <c r="C232" s="15">
        <v>44490.380902777775</v>
      </c>
      <c r="D232" s="1">
        <v>325</v>
      </c>
      <c r="E232" s="1">
        <v>13.72</v>
      </c>
      <c r="F232" s="1">
        <v>4459</v>
      </c>
      <c r="G232" s="1" t="s">
        <v>6</v>
      </c>
    </row>
    <row r="233" spans="2:7" x14ac:dyDescent="0.35">
      <c r="B233" s="16">
        <v>44490</v>
      </c>
      <c r="C233" s="15">
        <v>44490.38484953704</v>
      </c>
      <c r="D233" s="1">
        <v>187</v>
      </c>
      <c r="E233" s="1">
        <v>13.48</v>
      </c>
      <c r="F233" s="1">
        <v>2520.7600000000002</v>
      </c>
      <c r="G233" s="1" t="s">
        <v>6</v>
      </c>
    </row>
    <row r="234" spans="2:7" x14ac:dyDescent="0.35">
      <c r="B234" s="16">
        <v>44490</v>
      </c>
      <c r="C234" s="15">
        <v>44490.38484953704</v>
      </c>
      <c r="D234" s="1">
        <v>134</v>
      </c>
      <c r="E234" s="1">
        <v>13.48</v>
      </c>
      <c r="F234" s="1">
        <v>1806.3200000000002</v>
      </c>
      <c r="G234" s="1" t="s">
        <v>6</v>
      </c>
    </row>
    <row r="235" spans="2:7" x14ac:dyDescent="0.35">
      <c r="B235" s="16">
        <v>44490</v>
      </c>
      <c r="C235" s="15">
        <v>44490.38962962963</v>
      </c>
      <c r="D235" s="1">
        <v>297</v>
      </c>
      <c r="E235" s="1">
        <v>13.3</v>
      </c>
      <c r="F235" s="1">
        <v>3950.1000000000004</v>
      </c>
      <c r="G235" s="1" t="s">
        <v>6</v>
      </c>
    </row>
    <row r="236" spans="2:7" x14ac:dyDescent="0.35">
      <c r="B236" s="16">
        <v>44490</v>
      </c>
      <c r="C236" s="15">
        <v>44490.38962962963</v>
      </c>
      <c r="D236" s="1">
        <v>39</v>
      </c>
      <c r="E236" s="1">
        <v>13.3</v>
      </c>
      <c r="F236" s="1">
        <v>518.70000000000005</v>
      </c>
      <c r="G236" s="1" t="s">
        <v>6</v>
      </c>
    </row>
    <row r="237" spans="2:7" x14ac:dyDescent="0.35">
      <c r="B237" s="16">
        <v>44490</v>
      </c>
      <c r="C237" s="15">
        <v>44490.403796296298</v>
      </c>
      <c r="D237" s="1">
        <v>492</v>
      </c>
      <c r="E237" s="1">
        <v>13.54</v>
      </c>
      <c r="F237" s="1">
        <v>6661.6799999999994</v>
      </c>
      <c r="G237" s="1" t="s">
        <v>6</v>
      </c>
    </row>
    <row r="238" spans="2:7" x14ac:dyDescent="0.35">
      <c r="B238" s="16">
        <v>44490</v>
      </c>
      <c r="C238" s="15">
        <v>44490.403796296298</v>
      </c>
      <c r="D238" s="1">
        <v>250</v>
      </c>
      <c r="E238" s="1">
        <v>13.54</v>
      </c>
      <c r="F238" s="1">
        <v>3385</v>
      </c>
      <c r="G238" s="1" t="s">
        <v>6</v>
      </c>
    </row>
    <row r="239" spans="2:7" x14ac:dyDescent="0.35">
      <c r="B239" s="16">
        <v>44490</v>
      </c>
      <c r="C239" s="15">
        <v>44490.403796296298</v>
      </c>
      <c r="D239" s="1">
        <v>18</v>
      </c>
      <c r="E239" s="1">
        <v>13.54</v>
      </c>
      <c r="F239" s="1">
        <v>243.71999999999997</v>
      </c>
      <c r="G239" s="1" t="s">
        <v>6</v>
      </c>
    </row>
    <row r="240" spans="2:7" x14ac:dyDescent="0.35">
      <c r="B240" s="16">
        <v>44490</v>
      </c>
      <c r="C240" s="15">
        <v>44490.415231481478</v>
      </c>
      <c r="D240" s="1">
        <v>285</v>
      </c>
      <c r="E240" s="1">
        <v>13.58</v>
      </c>
      <c r="F240" s="1">
        <v>3870.3</v>
      </c>
      <c r="G240" s="1" t="s">
        <v>6</v>
      </c>
    </row>
    <row r="241" spans="2:7" x14ac:dyDescent="0.35">
      <c r="B241" s="16">
        <v>44490</v>
      </c>
      <c r="C241" s="15">
        <v>44490.415231481478</v>
      </c>
      <c r="D241" s="1">
        <v>250</v>
      </c>
      <c r="E241" s="1">
        <v>13.58</v>
      </c>
      <c r="F241" s="1">
        <v>3395</v>
      </c>
      <c r="G241" s="1" t="s">
        <v>6</v>
      </c>
    </row>
    <row r="242" spans="2:7" x14ac:dyDescent="0.35">
      <c r="B242" s="16">
        <v>44490</v>
      </c>
      <c r="C242" s="15">
        <v>44490.415231481478</v>
      </c>
      <c r="D242" s="1">
        <v>100</v>
      </c>
      <c r="E242" s="1">
        <v>13.58</v>
      </c>
      <c r="F242" s="1">
        <v>1358</v>
      </c>
      <c r="G242" s="1" t="s">
        <v>6</v>
      </c>
    </row>
    <row r="243" spans="2:7" x14ac:dyDescent="0.35">
      <c r="B243" s="16">
        <v>44490</v>
      </c>
      <c r="C243" s="15">
        <v>44490.422175925924</v>
      </c>
      <c r="D243" s="1">
        <v>336</v>
      </c>
      <c r="E243" s="1">
        <v>13.6</v>
      </c>
      <c r="F243" s="1">
        <v>4569.5999999999995</v>
      </c>
      <c r="G243" s="1" t="s">
        <v>6</v>
      </c>
    </row>
    <row r="244" spans="2:7" x14ac:dyDescent="0.35">
      <c r="B244" s="16">
        <v>44490</v>
      </c>
      <c r="C244" s="15">
        <v>44490.43273148148</v>
      </c>
      <c r="D244" s="1">
        <v>75</v>
      </c>
      <c r="E244" s="1">
        <v>13.48</v>
      </c>
      <c r="F244" s="1">
        <v>1011</v>
      </c>
      <c r="G244" s="1" t="s">
        <v>6</v>
      </c>
    </row>
    <row r="245" spans="2:7" x14ac:dyDescent="0.35">
      <c r="B245" s="16">
        <v>44490</v>
      </c>
      <c r="C245" s="15">
        <v>44490.43273148148</v>
      </c>
      <c r="D245" s="1">
        <v>81</v>
      </c>
      <c r="E245" s="1">
        <v>13.48</v>
      </c>
      <c r="F245" s="1">
        <v>1091.8800000000001</v>
      </c>
      <c r="G245" s="1" t="s">
        <v>6</v>
      </c>
    </row>
    <row r="246" spans="2:7" x14ac:dyDescent="0.35">
      <c r="B246" s="16">
        <v>44490</v>
      </c>
      <c r="C246" s="15">
        <v>44490.43273148148</v>
      </c>
      <c r="D246" s="1">
        <v>196</v>
      </c>
      <c r="E246" s="1">
        <v>13.48</v>
      </c>
      <c r="F246" s="1">
        <v>2642.08</v>
      </c>
      <c r="G246" s="1" t="s">
        <v>6</v>
      </c>
    </row>
    <row r="247" spans="2:7" x14ac:dyDescent="0.35">
      <c r="B247" s="16">
        <v>44490</v>
      </c>
      <c r="C247" s="15">
        <v>44490.446064814816</v>
      </c>
      <c r="D247" s="1">
        <v>94</v>
      </c>
      <c r="E247" s="1">
        <v>13.4</v>
      </c>
      <c r="F247" s="1">
        <v>1259.6000000000001</v>
      </c>
      <c r="G247" s="1" t="s">
        <v>6</v>
      </c>
    </row>
    <row r="248" spans="2:7" x14ac:dyDescent="0.35">
      <c r="B248" s="16">
        <v>44490</v>
      </c>
      <c r="C248" s="15">
        <v>44490.446064814816</v>
      </c>
      <c r="D248" s="1">
        <v>70</v>
      </c>
      <c r="E248" s="1">
        <v>13.4</v>
      </c>
      <c r="F248" s="1">
        <v>938</v>
      </c>
      <c r="G248" s="1" t="s">
        <v>6</v>
      </c>
    </row>
    <row r="249" spans="2:7" x14ac:dyDescent="0.35">
      <c r="B249" s="16">
        <v>44490</v>
      </c>
      <c r="C249" s="15">
        <v>44490.446064814816</v>
      </c>
      <c r="D249" s="1">
        <v>169</v>
      </c>
      <c r="E249" s="1">
        <v>13.4</v>
      </c>
      <c r="F249" s="1">
        <v>2264.6</v>
      </c>
      <c r="G249" s="1" t="s">
        <v>6</v>
      </c>
    </row>
    <row r="250" spans="2:7" x14ac:dyDescent="0.35">
      <c r="B250" s="16">
        <v>44490</v>
      </c>
      <c r="C250" s="15">
        <v>44490.446064814816</v>
      </c>
      <c r="D250" s="1">
        <v>312</v>
      </c>
      <c r="E250" s="1">
        <v>13.4</v>
      </c>
      <c r="F250" s="1">
        <v>4180.8</v>
      </c>
      <c r="G250" s="1" t="s">
        <v>6</v>
      </c>
    </row>
    <row r="251" spans="2:7" x14ac:dyDescent="0.35">
      <c r="B251" s="16">
        <v>44490</v>
      </c>
      <c r="C251" s="15">
        <v>44490.454768518517</v>
      </c>
      <c r="D251" s="1">
        <v>364</v>
      </c>
      <c r="E251" s="1">
        <v>13.34</v>
      </c>
      <c r="F251" s="1">
        <v>4855.76</v>
      </c>
      <c r="G251" s="1" t="s">
        <v>6</v>
      </c>
    </row>
    <row r="252" spans="2:7" x14ac:dyDescent="0.35">
      <c r="B252" s="16">
        <v>44490</v>
      </c>
      <c r="C252" s="15">
        <v>44490.464259259257</v>
      </c>
      <c r="D252" s="1">
        <v>228</v>
      </c>
      <c r="E252" s="1">
        <v>13.16</v>
      </c>
      <c r="F252" s="1">
        <v>3000.48</v>
      </c>
      <c r="G252" s="1" t="s">
        <v>6</v>
      </c>
    </row>
    <row r="253" spans="2:7" x14ac:dyDescent="0.35">
      <c r="B253" s="16">
        <v>44490</v>
      </c>
      <c r="C253" s="15">
        <v>44490.464259259257</v>
      </c>
      <c r="D253" s="1">
        <v>93</v>
      </c>
      <c r="E253" s="1">
        <v>13.16</v>
      </c>
      <c r="F253" s="1">
        <v>1223.8800000000001</v>
      </c>
      <c r="G253" s="1" t="s">
        <v>6</v>
      </c>
    </row>
    <row r="254" spans="2:7" x14ac:dyDescent="0.35">
      <c r="B254" s="16">
        <v>44490</v>
      </c>
      <c r="C254" s="15">
        <v>44490.488252314812</v>
      </c>
      <c r="D254" s="1">
        <v>450</v>
      </c>
      <c r="E254" s="1">
        <v>13.2</v>
      </c>
      <c r="F254" s="1">
        <v>5940</v>
      </c>
      <c r="G254" s="1" t="s">
        <v>6</v>
      </c>
    </row>
    <row r="255" spans="2:7" x14ac:dyDescent="0.35">
      <c r="B255" s="16">
        <v>44490</v>
      </c>
      <c r="C255" s="15">
        <v>44490.488252314812</v>
      </c>
      <c r="D255" s="1">
        <v>265</v>
      </c>
      <c r="E255" s="1">
        <v>13.2</v>
      </c>
      <c r="F255" s="1">
        <v>3498</v>
      </c>
      <c r="G255" s="1" t="s">
        <v>6</v>
      </c>
    </row>
    <row r="256" spans="2:7" x14ac:dyDescent="0.35">
      <c r="B256" s="16">
        <v>44490</v>
      </c>
      <c r="C256" s="15">
        <v>44490.494814814818</v>
      </c>
      <c r="D256" s="1">
        <v>160</v>
      </c>
      <c r="E256" s="1">
        <v>13.24</v>
      </c>
      <c r="F256" s="1">
        <v>2118.4</v>
      </c>
      <c r="G256" s="1" t="s">
        <v>6</v>
      </c>
    </row>
    <row r="257" spans="2:7" x14ac:dyDescent="0.35">
      <c r="B257" s="16">
        <v>44490</v>
      </c>
      <c r="C257" s="15">
        <v>44490.494814814818</v>
      </c>
      <c r="D257" s="1">
        <v>218</v>
      </c>
      <c r="E257" s="1">
        <v>13.24</v>
      </c>
      <c r="F257" s="1">
        <v>2886.32</v>
      </c>
      <c r="G257" s="1" t="s">
        <v>6</v>
      </c>
    </row>
    <row r="258" spans="2:7" x14ac:dyDescent="0.35">
      <c r="B258" s="16">
        <v>44490</v>
      </c>
      <c r="C258" s="15">
        <v>44490.518726851849</v>
      </c>
      <c r="D258" s="1">
        <v>296</v>
      </c>
      <c r="E258" s="1">
        <v>13.36</v>
      </c>
      <c r="F258" s="1">
        <v>3954.56</v>
      </c>
      <c r="G258" s="1" t="s">
        <v>6</v>
      </c>
    </row>
    <row r="259" spans="2:7" x14ac:dyDescent="0.35">
      <c r="B259" s="16">
        <v>44490</v>
      </c>
      <c r="C259" s="15">
        <v>44490.518726851849</v>
      </c>
      <c r="D259" s="1">
        <v>342</v>
      </c>
      <c r="E259" s="1">
        <v>13.36</v>
      </c>
      <c r="F259" s="1">
        <v>4569.12</v>
      </c>
      <c r="G259" s="1" t="s">
        <v>6</v>
      </c>
    </row>
    <row r="260" spans="2:7" x14ac:dyDescent="0.35">
      <c r="B260" s="16">
        <v>44490</v>
      </c>
      <c r="C260" s="15">
        <v>44490.518726851849</v>
      </c>
      <c r="D260" s="1">
        <v>35</v>
      </c>
      <c r="E260" s="1">
        <v>13.36</v>
      </c>
      <c r="F260" s="1">
        <v>467.59999999999997</v>
      </c>
      <c r="G260" s="1" t="s">
        <v>6</v>
      </c>
    </row>
    <row r="261" spans="2:7" x14ac:dyDescent="0.35">
      <c r="B261" s="16">
        <v>44490</v>
      </c>
      <c r="C261" s="15">
        <v>44490.523599537039</v>
      </c>
      <c r="D261" s="1">
        <v>268</v>
      </c>
      <c r="E261" s="1">
        <v>13.32</v>
      </c>
      <c r="F261" s="1">
        <v>3569.76</v>
      </c>
      <c r="G261" s="1" t="s">
        <v>6</v>
      </c>
    </row>
    <row r="262" spans="2:7" x14ac:dyDescent="0.35">
      <c r="B262" s="16">
        <v>44490</v>
      </c>
      <c r="C262" s="15">
        <v>44490.523599537039</v>
      </c>
      <c r="D262" s="1">
        <v>45</v>
      </c>
      <c r="E262" s="1">
        <v>13.32</v>
      </c>
      <c r="F262" s="1">
        <v>599.4</v>
      </c>
      <c r="G262" s="1" t="s">
        <v>6</v>
      </c>
    </row>
    <row r="263" spans="2:7" x14ac:dyDescent="0.35">
      <c r="B263" s="16">
        <v>44490</v>
      </c>
      <c r="C263" s="15">
        <v>44490.535081018519</v>
      </c>
      <c r="D263" s="1">
        <v>312</v>
      </c>
      <c r="E263" s="1">
        <v>13.24</v>
      </c>
      <c r="F263" s="1">
        <v>4130.88</v>
      </c>
      <c r="G263" s="1" t="s">
        <v>6</v>
      </c>
    </row>
    <row r="264" spans="2:7" x14ac:dyDescent="0.35">
      <c r="B264" s="16">
        <v>44490</v>
      </c>
      <c r="C264" s="15">
        <v>44490.535081018519</v>
      </c>
      <c r="D264" s="1">
        <v>55</v>
      </c>
      <c r="E264" s="1">
        <v>13.24</v>
      </c>
      <c r="F264" s="1">
        <v>728.2</v>
      </c>
      <c r="G264" s="1" t="s">
        <v>6</v>
      </c>
    </row>
    <row r="265" spans="2:7" x14ac:dyDescent="0.35">
      <c r="B265" s="16">
        <v>44490</v>
      </c>
      <c r="C265" s="15">
        <v>44490.552928240744</v>
      </c>
      <c r="D265" s="1">
        <v>201</v>
      </c>
      <c r="E265" s="1">
        <v>13.16</v>
      </c>
      <c r="F265" s="1">
        <v>2645.16</v>
      </c>
      <c r="G265" s="1" t="s">
        <v>6</v>
      </c>
    </row>
    <row r="266" spans="2:7" x14ac:dyDescent="0.35">
      <c r="B266" s="16">
        <v>44490</v>
      </c>
      <c r="C266" s="15">
        <v>44490.552928240744</v>
      </c>
      <c r="D266" s="1">
        <v>135</v>
      </c>
      <c r="E266" s="1">
        <v>13.16</v>
      </c>
      <c r="F266" s="1">
        <v>1776.6</v>
      </c>
      <c r="G266" s="1" t="s">
        <v>6</v>
      </c>
    </row>
    <row r="267" spans="2:7" x14ac:dyDescent="0.35">
      <c r="B267" s="16">
        <v>44490</v>
      </c>
      <c r="C267" s="15">
        <v>44490.55741898148</v>
      </c>
      <c r="D267" s="1">
        <v>361</v>
      </c>
      <c r="E267" s="1">
        <v>13.04</v>
      </c>
      <c r="F267" s="1">
        <v>4707.4399999999996</v>
      </c>
      <c r="G267" s="1" t="s">
        <v>6</v>
      </c>
    </row>
    <row r="268" spans="2:7" x14ac:dyDescent="0.35">
      <c r="B268" s="16">
        <v>44490</v>
      </c>
      <c r="C268" s="15">
        <v>44490.570185185185</v>
      </c>
      <c r="D268" s="1">
        <v>124</v>
      </c>
      <c r="E268" s="1">
        <v>13.04</v>
      </c>
      <c r="F268" s="1">
        <v>1616.9599999999998</v>
      </c>
      <c r="G268" s="1" t="s">
        <v>6</v>
      </c>
    </row>
    <row r="269" spans="2:7" x14ac:dyDescent="0.35">
      <c r="B269" s="16">
        <v>44490</v>
      </c>
      <c r="C269" s="15">
        <v>44490.570185185185</v>
      </c>
      <c r="D269" s="1">
        <v>233</v>
      </c>
      <c r="E269" s="1">
        <v>13.04</v>
      </c>
      <c r="F269" s="1">
        <v>3038.3199999999997</v>
      </c>
      <c r="G269" s="1" t="s">
        <v>6</v>
      </c>
    </row>
    <row r="270" spans="2:7" x14ac:dyDescent="0.35">
      <c r="B270" s="16">
        <v>44490</v>
      </c>
      <c r="C270" s="15">
        <v>44490.600034722222</v>
      </c>
      <c r="D270" s="1">
        <v>700</v>
      </c>
      <c r="E270" s="1">
        <v>13.1</v>
      </c>
      <c r="F270" s="1">
        <v>9170</v>
      </c>
      <c r="G270" s="1" t="s">
        <v>6</v>
      </c>
    </row>
    <row r="271" spans="2:7" x14ac:dyDescent="0.35">
      <c r="B271" s="16">
        <v>44490</v>
      </c>
      <c r="C271" s="15">
        <v>44490.600034722222</v>
      </c>
      <c r="D271" s="1">
        <v>17</v>
      </c>
      <c r="E271" s="1">
        <v>13.1</v>
      </c>
      <c r="F271" s="1">
        <v>222.7</v>
      </c>
      <c r="G271" s="1" t="s">
        <v>6</v>
      </c>
    </row>
    <row r="272" spans="2:7" x14ac:dyDescent="0.35">
      <c r="B272" s="16">
        <v>44490</v>
      </c>
      <c r="C272" s="15">
        <v>44490.61105324074</v>
      </c>
      <c r="D272" s="1">
        <v>659</v>
      </c>
      <c r="E272" s="1">
        <v>13.14</v>
      </c>
      <c r="F272" s="1">
        <v>8659.26</v>
      </c>
      <c r="G272" s="1" t="s">
        <v>6</v>
      </c>
    </row>
    <row r="273" spans="2:7" x14ac:dyDescent="0.35">
      <c r="B273" s="16">
        <v>44490</v>
      </c>
      <c r="C273" s="15">
        <v>44490.619016203702</v>
      </c>
      <c r="D273" s="1">
        <v>340</v>
      </c>
      <c r="E273" s="1">
        <v>13.24</v>
      </c>
      <c r="F273" s="1">
        <v>4501.6000000000004</v>
      </c>
      <c r="G273" s="1" t="s">
        <v>6</v>
      </c>
    </row>
    <row r="274" spans="2:7" x14ac:dyDescent="0.35">
      <c r="B274" s="16">
        <v>44490</v>
      </c>
      <c r="C274" s="15">
        <v>44490.646516203706</v>
      </c>
      <c r="D274" s="1">
        <v>690</v>
      </c>
      <c r="E274" s="1">
        <v>13.4</v>
      </c>
      <c r="F274" s="1">
        <v>9246</v>
      </c>
      <c r="G274" s="1" t="s">
        <v>6</v>
      </c>
    </row>
    <row r="275" spans="2:7" x14ac:dyDescent="0.35">
      <c r="B275" s="16">
        <v>44490</v>
      </c>
      <c r="C275" s="15">
        <v>44490.651770833334</v>
      </c>
      <c r="D275" s="1">
        <v>383</v>
      </c>
      <c r="E275" s="1">
        <v>13.32</v>
      </c>
      <c r="F275" s="1">
        <v>5101.5600000000004</v>
      </c>
      <c r="G275" s="1" t="s">
        <v>6</v>
      </c>
    </row>
    <row r="276" spans="2:7" x14ac:dyDescent="0.35">
      <c r="B276" s="16">
        <v>44490</v>
      </c>
      <c r="C276" s="15">
        <v>44490.660416666666</v>
      </c>
      <c r="D276" s="1">
        <v>372</v>
      </c>
      <c r="E276" s="1">
        <v>13.36</v>
      </c>
      <c r="F276" s="1">
        <v>4969.92</v>
      </c>
      <c r="G276" s="1" t="s">
        <v>6</v>
      </c>
    </row>
    <row r="277" spans="2:7" x14ac:dyDescent="0.35">
      <c r="B277" s="16">
        <v>44490</v>
      </c>
      <c r="C277" s="15">
        <v>44490.660416666666</v>
      </c>
      <c r="D277" s="1">
        <v>330</v>
      </c>
      <c r="E277" s="1">
        <v>13.36</v>
      </c>
      <c r="F277" s="1">
        <v>4408.8</v>
      </c>
      <c r="G277" s="1" t="s">
        <v>6</v>
      </c>
    </row>
    <row r="278" spans="2:7" x14ac:dyDescent="0.35">
      <c r="B278" s="16">
        <v>44490</v>
      </c>
      <c r="C278" s="15">
        <v>44490.665983796294</v>
      </c>
      <c r="D278" s="1">
        <v>353</v>
      </c>
      <c r="E278" s="1">
        <v>13.32</v>
      </c>
      <c r="F278" s="1">
        <v>4701.96</v>
      </c>
      <c r="G278" s="1" t="s">
        <v>6</v>
      </c>
    </row>
    <row r="279" spans="2:7" x14ac:dyDescent="0.35">
      <c r="B279" s="16">
        <v>44490</v>
      </c>
      <c r="C279" s="15">
        <v>44490.679502314815</v>
      </c>
      <c r="D279" s="1">
        <v>679</v>
      </c>
      <c r="E279" s="1">
        <v>13.32</v>
      </c>
      <c r="F279" s="1">
        <v>9044.2800000000007</v>
      </c>
      <c r="G279" s="1" t="s">
        <v>6</v>
      </c>
    </row>
    <row r="280" spans="2:7" x14ac:dyDescent="0.35">
      <c r="B280" s="16">
        <v>44490</v>
      </c>
      <c r="C280" s="15">
        <v>44490.684432870374</v>
      </c>
      <c r="D280" s="1">
        <v>100</v>
      </c>
      <c r="E280" s="1">
        <v>13.3</v>
      </c>
      <c r="F280" s="1">
        <v>1330</v>
      </c>
      <c r="G280" s="1" t="s">
        <v>6</v>
      </c>
    </row>
    <row r="281" spans="2:7" x14ac:dyDescent="0.35">
      <c r="B281" s="16">
        <v>44490</v>
      </c>
      <c r="C281" s="15">
        <v>44490.684432870374</v>
      </c>
      <c r="D281" s="1">
        <v>249</v>
      </c>
      <c r="E281" s="1">
        <v>13.3</v>
      </c>
      <c r="F281" s="1">
        <v>3311.7000000000003</v>
      </c>
      <c r="G281" s="1" t="s">
        <v>6</v>
      </c>
    </row>
    <row r="282" spans="2:7" x14ac:dyDescent="0.35">
      <c r="B282" s="16">
        <v>44490</v>
      </c>
      <c r="C282" s="15">
        <v>44490.696747685186</v>
      </c>
      <c r="D282" s="1">
        <v>651</v>
      </c>
      <c r="E282" s="1">
        <v>13.28</v>
      </c>
      <c r="F282" s="1">
        <v>8645.2799999999988</v>
      </c>
      <c r="G282" s="1" t="s">
        <v>6</v>
      </c>
    </row>
    <row r="283" spans="2:7" x14ac:dyDescent="0.35">
      <c r="B283" s="16">
        <v>44490</v>
      </c>
      <c r="C283" s="15">
        <v>44490.70103009259</v>
      </c>
      <c r="D283" s="1">
        <v>83</v>
      </c>
      <c r="E283" s="1">
        <v>13.2</v>
      </c>
      <c r="F283" s="1">
        <v>1095.5999999999999</v>
      </c>
      <c r="G283" s="1" t="s">
        <v>6</v>
      </c>
    </row>
    <row r="284" spans="2:7" x14ac:dyDescent="0.35">
      <c r="B284" s="16">
        <v>44490</v>
      </c>
      <c r="C284" s="15">
        <v>44490.70103009259</v>
      </c>
      <c r="D284" s="1">
        <v>246</v>
      </c>
      <c r="E284" s="1">
        <v>13.2</v>
      </c>
      <c r="F284" s="1">
        <v>3247.2</v>
      </c>
      <c r="G284" s="1" t="s">
        <v>6</v>
      </c>
    </row>
    <row r="285" spans="2:7" x14ac:dyDescent="0.35">
      <c r="B285" s="16">
        <v>44490</v>
      </c>
      <c r="C285" s="15">
        <v>44490.715509259258</v>
      </c>
      <c r="D285" s="1">
        <v>78</v>
      </c>
      <c r="E285" s="1">
        <v>13.22</v>
      </c>
      <c r="F285" s="1">
        <v>1031.1600000000001</v>
      </c>
      <c r="G285" s="1" t="s">
        <v>6</v>
      </c>
    </row>
    <row r="286" spans="2:7" x14ac:dyDescent="0.35">
      <c r="B286" s="16">
        <v>44490</v>
      </c>
      <c r="C286" s="15">
        <v>44490.716585648152</v>
      </c>
      <c r="D286" s="1">
        <v>244</v>
      </c>
      <c r="E286" s="1">
        <v>13.22</v>
      </c>
      <c r="F286" s="1">
        <v>3225.6800000000003</v>
      </c>
      <c r="G286" s="1" t="s">
        <v>6</v>
      </c>
    </row>
    <row r="287" spans="2:7" x14ac:dyDescent="0.35">
      <c r="B287" s="16">
        <v>44490</v>
      </c>
      <c r="C287" s="15">
        <v>44490.724710648145</v>
      </c>
      <c r="D287" s="1">
        <v>67</v>
      </c>
      <c r="E287" s="1">
        <v>13.3</v>
      </c>
      <c r="F287" s="1">
        <v>891.1</v>
      </c>
      <c r="G287" s="1" t="s">
        <v>6</v>
      </c>
    </row>
    <row r="288" spans="2:7" x14ac:dyDescent="0.35">
      <c r="B288" s="16">
        <v>44490</v>
      </c>
      <c r="C288" s="15">
        <v>44490.724710648145</v>
      </c>
      <c r="D288" s="1">
        <v>327</v>
      </c>
      <c r="E288" s="1">
        <v>13.3</v>
      </c>
      <c r="F288" s="1">
        <v>4349.1000000000004</v>
      </c>
      <c r="G288" s="1" t="s">
        <v>6</v>
      </c>
    </row>
    <row r="289" spans="2:14" x14ac:dyDescent="0.35">
      <c r="B289" s="16">
        <v>44491</v>
      </c>
      <c r="C289" s="15">
        <v>44491.381944444445</v>
      </c>
      <c r="D289" s="1">
        <v>100</v>
      </c>
      <c r="E289" s="1">
        <v>13.32</v>
      </c>
      <c r="F289" s="1">
        <v>1332</v>
      </c>
      <c r="G289" s="1" t="s">
        <v>6</v>
      </c>
    </row>
    <row r="290" spans="2:14" x14ac:dyDescent="0.35">
      <c r="B290" s="16">
        <v>44491</v>
      </c>
      <c r="C290" s="15">
        <v>44491.382395833331</v>
      </c>
      <c r="D290" s="1">
        <v>740</v>
      </c>
      <c r="E290" s="1">
        <v>13.38</v>
      </c>
      <c r="F290" s="1">
        <v>9901.2000000000007</v>
      </c>
      <c r="G290" s="1" t="s">
        <v>6</v>
      </c>
    </row>
    <row r="291" spans="2:14" x14ac:dyDescent="0.35">
      <c r="B291" s="16">
        <v>44491</v>
      </c>
      <c r="C291" s="15">
        <v>44491.392094907409</v>
      </c>
      <c r="D291" s="1">
        <v>243</v>
      </c>
      <c r="E291" s="1">
        <v>13.38</v>
      </c>
      <c r="F291" s="1">
        <v>3251.34</v>
      </c>
      <c r="G291" s="1" t="s">
        <v>6</v>
      </c>
    </row>
    <row r="292" spans="2:14" x14ac:dyDescent="0.35">
      <c r="B292" s="16">
        <v>44491</v>
      </c>
      <c r="C292" s="15">
        <v>44491.392094907409</v>
      </c>
      <c r="D292" s="1">
        <v>112</v>
      </c>
      <c r="E292" s="1">
        <v>13.38</v>
      </c>
      <c r="F292" s="1">
        <v>1498.5600000000002</v>
      </c>
      <c r="G292" s="1" t="s">
        <v>6</v>
      </c>
    </row>
    <row r="293" spans="2:14" x14ac:dyDescent="0.35">
      <c r="B293" s="16">
        <v>44491</v>
      </c>
      <c r="C293" s="15">
        <v>44491.392094907409</v>
      </c>
      <c r="D293" s="1">
        <v>370</v>
      </c>
      <c r="E293" s="1">
        <v>13.36</v>
      </c>
      <c r="F293" s="1">
        <v>4943.2</v>
      </c>
      <c r="G293" s="1" t="s">
        <v>6</v>
      </c>
    </row>
    <row r="294" spans="2:14" x14ac:dyDescent="0.35">
      <c r="B294" s="16">
        <v>44491</v>
      </c>
      <c r="C294" s="15">
        <v>44491.411782407406</v>
      </c>
      <c r="D294" s="1">
        <v>341</v>
      </c>
      <c r="E294" s="1">
        <v>13.3</v>
      </c>
      <c r="F294" s="1">
        <v>4535.3</v>
      </c>
      <c r="G294" s="1" t="s">
        <v>6</v>
      </c>
    </row>
    <row r="295" spans="2:14" x14ac:dyDescent="0.35">
      <c r="B295" s="16">
        <v>44491</v>
      </c>
      <c r="C295" s="15">
        <v>44491.411782407406</v>
      </c>
      <c r="D295" s="1">
        <v>370</v>
      </c>
      <c r="E295" s="1">
        <v>13.3</v>
      </c>
      <c r="F295" s="1">
        <v>4921</v>
      </c>
      <c r="G295" s="1" t="s">
        <v>6</v>
      </c>
    </row>
    <row r="296" spans="2:14" x14ac:dyDescent="0.35">
      <c r="B296" s="16">
        <v>44491</v>
      </c>
      <c r="C296" s="15">
        <v>44491.411782407406</v>
      </c>
      <c r="D296" s="1">
        <v>348</v>
      </c>
      <c r="E296" s="1">
        <v>13.3</v>
      </c>
      <c r="F296" s="1">
        <v>4628.4000000000005</v>
      </c>
      <c r="G296" s="1" t="s">
        <v>6</v>
      </c>
    </row>
    <row r="297" spans="2:14" x14ac:dyDescent="0.35">
      <c r="B297" s="16">
        <v>44491</v>
      </c>
      <c r="C297" s="15">
        <v>44491.439062500001</v>
      </c>
      <c r="D297" s="1">
        <v>97</v>
      </c>
      <c r="E297" s="1">
        <v>13.34</v>
      </c>
      <c r="F297" s="1">
        <v>1293.98</v>
      </c>
      <c r="G297" s="1" t="s">
        <v>6</v>
      </c>
    </row>
    <row r="298" spans="2:14" x14ac:dyDescent="0.35">
      <c r="B298" s="16">
        <v>44491</v>
      </c>
      <c r="C298" s="15">
        <v>44491.439062500001</v>
      </c>
      <c r="D298" s="1">
        <v>240</v>
      </c>
      <c r="E298" s="1">
        <v>13.34</v>
      </c>
      <c r="F298" s="1">
        <v>3201.6</v>
      </c>
      <c r="G298" s="1" t="s">
        <v>6</v>
      </c>
    </row>
    <row r="299" spans="2:14" x14ac:dyDescent="0.35">
      <c r="B299" s="16">
        <v>44491</v>
      </c>
      <c r="C299" s="15">
        <v>44491.446099537039</v>
      </c>
      <c r="D299" s="1">
        <v>250</v>
      </c>
      <c r="E299" s="1">
        <v>13.36</v>
      </c>
      <c r="F299" s="1">
        <v>3340</v>
      </c>
      <c r="G299" s="1" t="s">
        <v>6</v>
      </c>
    </row>
    <row r="300" spans="2:14" x14ac:dyDescent="0.35">
      <c r="B300" s="16">
        <v>44491</v>
      </c>
      <c r="C300" s="15">
        <v>44491.446111111109</v>
      </c>
      <c r="D300" s="1">
        <v>309</v>
      </c>
      <c r="E300" s="1">
        <v>13.34</v>
      </c>
      <c r="F300" s="1">
        <v>4122.0600000000004</v>
      </c>
      <c r="G300" s="1" t="s">
        <v>6</v>
      </c>
    </row>
    <row r="301" spans="2:14" x14ac:dyDescent="0.35">
      <c r="B301" s="16">
        <v>44491</v>
      </c>
      <c r="C301" s="15">
        <v>44491.446111111109</v>
      </c>
      <c r="D301" s="1">
        <v>194</v>
      </c>
      <c r="E301" s="1">
        <v>13.34</v>
      </c>
      <c r="F301" s="1">
        <v>2587.96</v>
      </c>
      <c r="G301" s="1" t="s">
        <v>6</v>
      </c>
    </row>
    <row r="302" spans="2:14" x14ac:dyDescent="0.35">
      <c r="B302" s="16">
        <v>44491</v>
      </c>
      <c r="C302" s="15">
        <v>44491.446111111109</v>
      </c>
      <c r="D302" s="1">
        <v>429</v>
      </c>
      <c r="E302" s="1">
        <v>13.34</v>
      </c>
      <c r="F302" s="1">
        <v>5722.86</v>
      </c>
      <c r="G302" s="1" t="s">
        <v>6</v>
      </c>
    </row>
    <row r="303" spans="2:14" x14ac:dyDescent="0.35">
      <c r="B303" s="16">
        <v>44491</v>
      </c>
      <c r="C303" s="15">
        <v>44491.485914351855</v>
      </c>
      <c r="D303" s="1">
        <v>357</v>
      </c>
      <c r="E303" s="1">
        <v>13.34</v>
      </c>
      <c r="F303" s="1">
        <v>4762.38</v>
      </c>
      <c r="G303" s="1" t="s">
        <v>6</v>
      </c>
    </row>
    <row r="304" spans="2:14" x14ac:dyDescent="0.35">
      <c r="B304" s="16">
        <v>44491</v>
      </c>
      <c r="C304" s="15">
        <v>44491.487303240741</v>
      </c>
      <c r="D304" s="1">
        <v>161</v>
      </c>
      <c r="E304" s="1">
        <v>13.36</v>
      </c>
      <c r="F304" s="1">
        <v>2150.96</v>
      </c>
      <c r="G304" s="1" t="s">
        <v>6</v>
      </c>
      <c r="N304" s="16"/>
    </row>
    <row r="305" spans="2:7" x14ac:dyDescent="0.35">
      <c r="B305" s="16">
        <v>44491</v>
      </c>
      <c r="C305" s="15">
        <v>44491.487303240741</v>
      </c>
      <c r="D305" s="1">
        <v>263</v>
      </c>
      <c r="E305" s="1">
        <v>13.36</v>
      </c>
      <c r="F305" s="1">
        <v>3513.68</v>
      </c>
      <c r="G305" s="1" t="s">
        <v>6</v>
      </c>
    </row>
    <row r="306" spans="2:7" x14ac:dyDescent="0.35">
      <c r="B306" s="16">
        <v>44491</v>
      </c>
      <c r="C306" s="15">
        <v>44491.487303240741</v>
      </c>
      <c r="D306" s="1">
        <v>161</v>
      </c>
      <c r="E306" s="1">
        <v>13.36</v>
      </c>
      <c r="F306" s="1">
        <v>2150.96</v>
      </c>
      <c r="G306" s="1" t="s">
        <v>6</v>
      </c>
    </row>
    <row r="307" spans="2:7" x14ac:dyDescent="0.35">
      <c r="B307" s="16">
        <v>44491</v>
      </c>
      <c r="C307" s="15">
        <v>44491.487303240741</v>
      </c>
      <c r="D307" s="1">
        <v>250</v>
      </c>
      <c r="E307" s="1">
        <v>13.36</v>
      </c>
      <c r="F307" s="1">
        <v>3340</v>
      </c>
      <c r="G307" s="1" t="s">
        <v>6</v>
      </c>
    </row>
    <row r="308" spans="2:7" x14ac:dyDescent="0.35">
      <c r="B308" s="16">
        <v>44491</v>
      </c>
      <c r="C308" s="15">
        <v>44491.487303240741</v>
      </c>
      <c r="D308" s="1">
        <v>174</v>
      </c>
      <c r="E308" s="1">
        <v>13.36</v>
      </c>
      <c r="F308" s="1">
        <v>2324.64</v>
      </c>
      <c r="G308" s="1" t="s">
        <v>6</v>
      </c>
    </row>
    <row r="309" spans="2:7" x14ac:dyDescent="0.35">
      <c r="B309" s="16">
        <v>44491</v>
      </c>
      <c r="C309" s="15">
        <v>44491.487303240741</v>
      </c>
      <c r="D309" s="1">
        <v>72</v>
      </c>
      <c r="E309" s="1">
        <v>13.36</v>
      </c>
      <c r="F309" s="1">
        <v>961.92</v>
      </c>
      <c r="G309" s="1" t="s">
        <v>6</v>
      </c>
    </row>
    <row r="310" spans="2:7" x14ac:dyDescent="0.35">
      <c r="B310" s="16">
        <v>44491</v>
      </c>
      <c r="C310" s="15">
        <v>44491.487303240741</v>
      </c>
      <c r="D310" s="1">
        <v>264</v>
      </c>
      <c r="E310" s="1">
        <v>13.36</v>
      </c>
      <c r="F310" s="1">
        <v>3527.04</v>
      </c>
      <c r="G310" s="1" t="s">
        <v>6</v>
      </c>
    </row>
    <row r="311" spans="2:7" x14ac:dyDescent="0.35">
      <c r="B311" s="16">
        <v>44491</v>
      </c>
      <c r="C311" s="15">
        <v>44491.487303240741</v>
      </c>
      <c r="D311" s="1">
        <v>18</v>
      </c>
      <c r="E311" s="1">
        <v>13.36</v>
      </c>
      <c r="F311" s="1">
        <v>240.48</v>
      </c>
      <c r="G311" s="1" t="s">
        <v>6</v>
      </c>
    </row>
    <row r="312" spans="2:7" x14ac:dyDescent="0.35">
      <c r="B312" s="16">
        <v>44491</v>
      </c>
      <c r="C312" s="15">
        <v>44491.51703703704</v>
      </c>
      <c r="D312" s="1">
        <v>522</v>
      </c>
      <c r="E312" s="1">
        <v>13.38</v>
      </c>
      <c r="F312" s="1">
        <v>6984.3600000000006</v>
      </c>
      <c r="G312" s="1" t="s">
        <v>6</v>
      </c>
    </row>
    <row r="313" spans="2:7" x14ac:dyDescent="0.35">
      <c r="B313" s="16">
        <v>44491</v>
      </c>
      <c r="C313" s="15">
        <v>44491.51703703704</v>
      </c>
      <c r="D313" s="1">
        <v>94</v>
      </c>
      <c r="E313" s="1">
        <v>13.38</v>
      </c>
      <c r="F313" s="1">
        <v>1257.72</v>
      </c>
      <c r="G313" s="1" t="s">
        <v>6</v>
      </c>
    </row>
    <row r="314" spans="2:7" x14ac:dyDescent="0.35">
      <c r="B314" s="16">
        <v>44491</v>
      </c>
      <c r="C314" s="15">
        <v>44491.548506944448</v>
      </c>
      <c r="D314" s="1">
        <v>39</v>
      </c>
      <c r="E314" s="1">
        <v>13.38</v>
      </c>
      <c r="F314" s="1">
        <v>521.82000000000005</v>
      </c>
      <c r="G314" s="1" t="s">
        <v>6</v>
      </c>
    </row>
    <row r="315" spans="2:7" x14ac:dyDescent="0.35">
      <c r="B315" s="16">
        <v>44491</v>
      </c>
      <c r="C315" s="15">
        <v>44491.548506944448</v>
      </c>
      <c r="D315" s="1">
        <v>304</v>
      </c>
      <c r="E315" s="1">
        <v>13.38</v>
      </c>
      <c r="F315" s="1">
        <v>4067.5200000000004</v>
      </c>
      <c r="G315" s="1" t="s">
        <v>6</v>
      </c>
    </row>
    <row r="316" spans="2:7" x14ac:dyDescent="0.35">
      <c r="B316" s="16">
        <v>44491</v>
      </c>
      <c r="C316" s="15">
        <v>44491.559930555559</v>
      </c>
      <c r="D316" s="1">
        <v>339</v>
      </c>
      <c r="E316" s="1">
        <v>13.38</v>
      </c>
      <c r="F316" s="1">
        <v>4535.8200000000006</v>
      </c>
      <c r="G316" s="1" t="s">
        <v>6</v>
      </c>
    </row>
    <row r="317" spans="2:7" x14ac:dyDescent="0.35">
      <c r="B317" s="16">
        <v>44491</v>
      </c>
      <c r="C317" s="15">
        <v>44491.570601851854</v>
      </c>
      <c r="D317" s="1">
        <v>337</v>
      </c>
      <c r="E317" s="1">
        <v>13.36</v>
      </c>
      <c r="F317" s="1">
        <v>4502.32</v>
      </c>
      <c r="G317" s="1" t="s">
        <v>6</v>
      </c>
    </row>
    <row r="318" spans="2:7" x14ac:dyDescent="0.35">
      <c r="B318" s="16">
        <v>44491</v>
      </c>
      <c r="C318" s="15">
        <v>44491.570601851854</v>
      </c>
      <c r="D318" s="1">
        <v>328</v>
      </c>
      <c r="E318" s="1">
        <v>13.36</v>
      </c>
      <c r="F318" s="1">
        <v>4382.08</v>
      </c>
      <c r="G318" s="1" t="s">
        <v>6</v>
      </c>
    </row>
    <row r="319" spans="2:7" x14ac:dyDescent="0.35">
      <c r="B319" s="16">
        <v>44491</v>
      </c>
      <c r="C319" s="15">
        <v>44491.570601851854</v>
      </c>
      <c r="D319" s="1">
        <v>357</v>
      </c>
      <c r="E319" s="1">
        <v>13.36</v>
      </c>
      <c r="F319" s="1">
        <v>4769.5199999999995</v>
      </c>
      <c r="G319" s="1" t="s">
        <v>6</v>
      </c>
    </row>
    <row r="320" spans="2:7" x14ac:dyDescent="0.35">
      <c r="B320" s="16">
        <v>44491</v>
      </c>
      <c r="C320" s="15">
        <v>44491.601087962961</v>
      </c>
      <c r="D320" s="1">
        <v>363</v>
      </c>
      <c r="E320" s="1">
        <v>13.3</v>
      </c>
      <c r="F320" s="1">
        <v>4827.9000000000005</v>
      </c>
      <c r="G320" s="1" t="s">
        <v>6</v>
      </c>
    </row>
    <row r="321" spans="2:7" x14ac:dyDescent="0.35">
      <c r="B321" s="16">
        <v>44491</v>
      </c>
      <c r="C321" s="15">
        <v>44491.605995370373</v>
      </c>
      <c r="D321" s="1">
        <v>948</v>
      </c>
      <c r="E321" s="1">
        <v>13.3</v>
      </c>
      <c r="F321" s="1">
        <v>12608.400000000001</v>
      </c>
      <c r="G321" s="1" t="s">
        <v>6</v>
      </c>
    </row>
    <row r="322" spans="2:7" x14ac:dyDescent="0.35">
      <c r="B322" s="16">
        <v>44491</v>
      </c>
      <c r="C322" s="15">
        <v>44491.62300925926</v>
      </c>
      <c r="D322" s="1">
        <v>333</v>
      </c>
      <c r="E322" s="1">
        <v>13.26</v>
      </c>
      <c r="F322" s="1">
        <v>4415.58</v>
      </c>
      <c r="G322" s="1" t="s">
        <v>6</v>
      </c>
    </row>
    <row r="323" spans="2:7" x14ac:dyDescent="0.35">
      <c r="B323" s="16">
        <v>44491</v>
      </c>
      <c r="C323" s="15">
        <v>44491.628310185188</v>
      </c>
      <c r="D323" s="1">
        <v>30</v>
      </c>
      <c r="E323" s="1">
        <v>13.24</v>
      </c>
      <c r="F323" s="1">
        <v>397.2</v>
      </c>
      <c r="G323" s="1" t="s">
        <v>6</v>
      </c>
    </row>
    <row r="324" spans="2:7" x14ac:dyDescent="0.35">
      <c r="B324" s="16">
        <v>44491</v>
      </c>
      <c r="C324" s="15">
        <v>44491.628310185188</v>
      </c>
      <c r="D324" s="1">
        <v>300</v>
      </c>
      <c r="E324" s="1">
        <v>13.24</v>
      </c>
      <c r="F324" s="1">
        <v>3972</v>
      </c>
      <c r="G324" s="1" t="s">
        <v>6</v>
      </c>
    </row>
    <row r="325" spans="2:7" x14ac:dyDescent="0.35">
      <c r="B325" s="16">
        <v>44491</v>
      </c>
      <c r="C325" s="15">
        <v>44491.636238425926</v>
      </c>
      <c r="D325" s="1">
        <v>329</v>
      </c>
      <c r="E325" s="1">
        <v>13.24</v>
      </c>
      <c r="F325" s="1">
        <v>4355.96</v>
      </c>
      <c r="G325" s="1" t="s">
        <v>6</v>
      </c>
    </row>
    <row r="326" spans="2:7" x14ac:dyDescent="0.35">
      <c r="B326" s="16">
        <v>44491</v>
      </c>
      <c r="C326" s="15">
        <v>44491.642071759263</v>
      </c>
      <c r="D326" s="1">
        <v>36</v>
      </c>
      <c r="E326" s="1">
        <v>13.2</v>
      </c>
      <c r="F326" s="1">
        <v>475.2</v>
      </c>
      <c r="G326" s="1" t="s">
        <v>6</v>
      </c>
    </row>
    <row r="327" spans="2:7" x14ac:dyDescent="0.35">
      <c r="B327" s="16">
        <v>44491</v>
      </c>
      <c r="C327" s="15">
        <v>44491.648090277777</v>
      </c>
      <c r="D327" s="1">
        <v>301</v>
      </c>
      <c r="E327" s="1">
        <v>13.2</v>
      </c>
      <c r="F327" s="1">
        <v>3973.2</v>
      </c>
      <c r="G327" s="1" t="s">
        <v>6</v>
      </c>
    </row>
    <row r="328" spans="2:7" x14ac:dyDescent="0.35">
      <c r="B328" s="16">
        <v>44491</v>
      </c>
      <c r="C328" s="15">
        <v>44491.652638888889</v>
      </c>
      <c r="D328" s="1">
        <v>606</v>
      </c>
      <c r="E328" s="1">
        <v>13.28</v>
      </c>
      <c r="F328" s="1">
        <v>8047.6799999999994</v>
      </c>
      <c r="G328" s="1" t="s">
        <v>6</v>
      </c>
    </row>
    <row r="329" spans="2:7" x14ac:dyDescent="0.35">
      <c r="B329" s="16">
        <v>44491</v>
      </c>
      <c r="C329" s="15">
        <v>44491.658738425926</v>
      </c>
      <c r="D329" s="1">
        <v>260</v>
      </c>
      <c r="E329" s="1">
        <v>13.28</v>
      </c>
      <c r="F329" s="1">
        <v>3452.7999999999997</v>
      </c>
      <c r="G329" s="1" t="s">
        <v>6</v>
      </c>
    </row>
    <row r="330" spans="2:7" x14ac:dyDescent="0.35">
      <c r="B330" s="16">
        <v>44491</v>
      </c>
      <c r="C330" s="15">
        <v>44491.658738425926</v>
      </c>
      <c r="D330" s="1">
        <v>87</v>
      </c>
      <c r="E330" s="1">
        <v>13.28</v>
      </c>
      <c r="F330" s="1">
        <v>1155.3599999999999</v>
      </c>
      <c r="G330" s="1" t="s">
        <v>6</v>
      </c>
    </row>
    <row r="331" spans="2:7" x14ac:dyDescent="0.35">
      <c r="B331" s="16">
        <v>44491</v>
      </c>
      <c r="C331" s="15">
        <v>44491.670127314814</v>
      </c>
      <c r="D331" s="1">
        <v>256</v>
      </c>
      <c r="E331" s="1">
        <v>13.34</v>
      </c>
      <c r="F331" s="1">
        <v>3415.04</v>
      </c>
      <c r="G331" s="1" t="s">
        <v>6</v>
      </c>
    </row>
    <row r="332" spans="2:7" x14ac:dyDescent="0.35">
      <c r="B332" s="16">
        <v>44491</v>
      </c>
      <c r="C332" s="15">
        <v>44491.670127314814</v>
      </c>
      <c r="D332" s="1">
        <v>49</v>
      </c>
      <c r="E332" s="1">
        <v>13.34</v>
      </c>
      <c r="F332" s="1">
        <v>653.66</v>
      </c>
      <c r="G332" s="1" t="s">
        <v>6</v>
      </c>
    </row>
    <row r="333" spans="2:7" x14ac:dyDescent="0.35">
      <c r="B333" s="16">
        <v>44491</v>
      </c>
      <c r="C333" s="15">
        <v>44491.670127314814</v>
      </c>
      <c r="D333" s="1">
        <v>332</v>
      </c>
      <c r="E333" s="1">
        <v>13.34</v>
      </c>
      <c r="F333" s="1">
        <v>4428.88</v>
      </c>
      <c r="G333" s="1" t="s">
        <v>6</v>
      </c>
    </row>
    <row r="334" spans="2:7" x14ac:dyDescent="0.35">
      <c r="B334" s="16">
        <v>44491</v>
      </c>
      <c r="C334" s="15">
        <v>44491.682129629633</v>
      </c>
      <c r="D334" s="1">
        <v>302</v>
      </c>
      <c r="E334" s="1">
        <v>13.42</v>
      </c>
      <c r="F334" s="1">
        <v>4052.84</v>
      </c>
      <c r="G334" s="1" t="s">
        <v>6</v>
      </c>
    </row>
    <row r="335" spans="2:7" x14ac:dyDescent="0.35">
      <c r="B335" s="16">
        <v>44491</v>
      </c>
      <c r="C335" s="15">
        <v>44491.682129629633</v>
      </c>
      <c r="D335" s="1">
        <v>16</v>
      </c>
      <c r="E335" s="1">
        <v>13.42</v>
      </c>
      <c r="F335" s="1">
        <v>214.72</v>
      </c>
      <c r="G335" s="1" t="s">
        <v>6</v>
      </c>
    </row>
    <row r="336" spans="2:7" x14ac:dyDescent="0.35">
      <c r="B336" s="16">
        <v>44491</v>
      </c>
      <c r="C336" s="15">
        <v>44491.704004629632</v>
      </c>
      <c r="D336" s="1">
        <v>134</v>
      </c>
      <c r="E336" s="1">
        <v>13.46</v>
      </c>
      <c r="F336" s="1">
        <v>1803.64</v>
      </c>
      <c r="G336" s="1" t="s">
        <v>6</v>
      </c>
    </row>
    <row r="337" spans="2:7" x14ac:dyDescent="0.35">
      <c r="B337" s="16">
        <v>44491</v>
      </c>
      <c r="C337" s="15">
        <v>44491.704004629632</v>
      </c>
      <c r="D337" s="1">
        <v>152</v>
      </c>
      <c r="E337" s="1">
        <v>13.46</v>
      </c>
      <c r="F337" s="1">
        <v>2045.92</v>
      </c>
      <c r="G337" s="1" t="s">
        <v>6</v>
      </c>
    </row>
    <row r="338" spans="2:7" x14ac:dyDescent="0.35">
      <c r="B338" s="16">
        <v>44491</v>
      </c>
      <c r="C338" s="15">
        <v>44491.704004629632</v>
      </c>
      <c r="D338" s="1">
        <v>430</v>
      </c>
      <c r="E338" s="1">
        <v>13.46</v>
      </c>
      <c r="F338" s="1">
        <v>5787.8</v>
      </c>
      <c r="G338" s="1" t="s">
        <v>6</v>
      </c>
    </row>
    <row r="339" spans="2:7" x14ac:dyDescent="0.35">
      <c r="B339" s="16">
        <v>44491</v>
      </c>
      <c r="C339" s="15">
        <v>44491.704189814816</v>
      </c>
      <c r="D339" s="1">
        <v>1</v>
      </c>
      <c r="E339" s="1">
        <v>13.44</v>
      </c>
      <c r="F339" s="1">
        <v>13.44</v>
      </c>
      <c r="G339" s="1" t="s">
        <v>6</v>
      </c>
    </row>
    <row r="340" spans="2:7" x14ac:dyDescent="0.35">
      <c r="B340" s="16">
        <v>44491</v>
      </c>
      <c r="C340" s="15">
        <v>44491.704189814816</v>
      </c>
      <c r="D340" s="1">
        <v>611</v>
      </c>
      <c r="E340" s="1">
        <v>13.44</v>
      </c>
      <c r="F340" s="1">
        <v>8211.84</v>
      </c>
      <c r="G340" s="1" t="s">
        <v>6</v>
      </c>
    </row>
    <row r="341" spans="2:7" x14ac:dyDescent="0.35">
      <c r="B341" s="16">
        <v>44491</v>
      </c>
      <c r="C341" s="15">
        <v>44491.715717592589</v>
      </c>
      <c r="D341" s="1">
        <v>348</v>
      </c>
      <c r="E341" s="1">
        <v>13.4</v>
      </c>
      <c r="F341" s="1">
        <v>4663.2</v>
      </c>
      <c r="G341" s="1" t="s">
        <v>6</v>
      </c>
    </row>
    <row r="342" spans="2:7" x14ac:dyDescent="0.35">
      <c r="B342" s="16"/>
      <c r="C342" s="15"/>
    </row>
    <row r="343" spans="2:7" x14ac:dyDescent="0.35">
      <c r="B343" s="16"/>
      <c r="C343" s="15"/>
    </row>
    <row r="344" spans="2:7" x14ac:dyDescent="0.35">
      <c r="B344" s="16"/>
      <c r="C344" s="15"/>
    </row>
    <row r="345" spans="2:7" x14ac:dyDescent="0.35">
      <c r="B345" s="16"/>
      <c r="C345" s="15"/>
    </row>
    <row r="346" spans="2:7" x14ac:dyDescent="0.35">
      <c r="B346" s="16"/>
      <c r="C346" s="15"/>
    </row>
    <row r="347" spans="2:7" x14ac:dyDescent="0.35">
      <c r="B347" s="16"/>
      <c r="C347" s="15"/>
    </row>
    <row r="348" spans="2:7" x14ac:dyDescent="0.35">
      <c r="B348" s="16"/>
      <c r="C348" s="15"/>
    </row>
    <row r="349" spans="2:7" x14ac:dyDescent="0.35">
      <c r="B349" s="16"/>
      <c r="C349" s="15"/>
    </row>
    <row r="350" spans="2:7" x14ac:dyDescent="0.35">
      <c r="B350" s="16"/>
      <c r="C350" s="15"/>
    </row>
    <row r="351" spans="2:7" x14ac:dyDescent="0.35">
      <c r="B351" s="16"/>
      <c r="C351" s="15"/>
    </row>
    <row r="352" spans="2:7" x14ac:dyDescent="0.35">
      <c r="B352" s="16"/>
      <c r="C352" s="15"/>
    </row>
    <row r="353" spans="2:3" x14ac:dyDescent="0.35">
      <c r="B353" s="16"/>
      <c r="C353" s="15"/>
    </row>
    <row r="354" spans="2:3" x14ac:dyDescent="0.35">
      <c r="B354" s="16"/>
      <c r="C354" s="15"/>
    </row>
    <row r="355" spans="2:3" x14ac:dyDescent="0.35">
      <c r="B355" s="16"/>
      <c r="C355" s="15"/>
    </row>
    <row r="356" spans="2:3" x14ac:dyDescent="0.35">
      <c r="B356" s="16"/>
      <c r="C356" s="15"/>
    </row>
    <row r="357" spans="2:3" x14ac:dyDescent="0.35">
      <c r="B357" s="16"/>
      <c r="C357" s="15"/>
    </row>
    <row r="358" spans="2:3" x14ac:dyDescent="0.35">
      <c r="B358" s="16"/>
      <c r="C358" s="15"/>
    </row>
    <row r="359" spans="2:3" x14ac:dyDescent="0.35">
      <c r="B359" s="16"/>
      <c r="C359" s="15"/>
    </row>
    <row r="360" spans="2:3" x14ac:dyDescent="0.35">
      <c r="B360" s="16"/>
      <c r="C360" s="15"/>
    </row>
    <row r="361" spans="2:3" x14ac:dyDescent="0.35">
      <c r="B361" s="16"/>
      <c r="C361" s="15"/>
    </row>
    <row r="362" spans="2:3" x14ac:dyDescent="0.35">
      <c r="B362" s="16"/>
      <c r="C362" s="15"/>
    </row>
    <row r="363" spans="2:3" x14ac:dyDescent="0.35">
      <c r="B363" s="16"/>
      <c r="C363" s="15"/>
    </row>
    <row r="364" spans="2:3" x14ac:dyDescent="0.35">
      <c r="B364" s="16"/>
      <c r="C364" s="15"/>
    </row>
    <row r="365" spans="2:3" x14ac:dyDescent="0.35">
      <c r="B365" s="16"/>
      <c r="C365" s="15"/>
    </row>
    <row r="366" spans="2:3" x14ac:dyDescent="0.35">
      <c r="B366" s="16"/>
      <c r="C366" s="15"/>
    </row>
    <row r="367" spans="2:3" x14ac:dyDescent="0.35">
      <c r="B367" s="16"/>
      <c r="C367" s="15"/>
    </row>
    <row r="368" spans="2:3" x14ac:dyDescent="0.35">
      <c r="B368" s="16"/>
      <c r="C368" s="15"/>
    </row>
    <row r="369" spans="2:3" x14ac:dyDescent="0.35">
      <c r="B369" s="16"/>
      <c r="C369" s="15"/>
    </row>
    <row r="370" spans="2:3" x14ac:dyDescent="0.35">
      <c r="B370" s="16"/>
      <c r="C370" s="15"/>
    </row>
    <row r="371" spans="2:3" x14ac:dyDescent="0.35">
      <c r="B371" s="16"/>
      <c r="C371" s="15"/>
    </row>
    <row r="372" spans="2:3" x14ac:dyDescent="0.35">
      <c r="B372" s="16"/>
      <c r="C372" s="15"/>
    </row>
    <row r="373" spans="2:3" x14ac:dyDescent="0.35">
      <c r="B373" s="16"/>
      <c r="C373" s="15"/>
    </row>
    <row r="374" spans="2:3" x14ac:dyDescent="0.35">
      <c r="B374" s="16"/>
      <c r="C374" s="15"/>
    </row>
    <row r="375" spans="2:3" x14ac:dyDescent="0.35">
      <c r="B375" s="16"/>
      <c r="C375" s="15"/>
    </row>
    <row r="376" spans="2:3" x14ac:dyDescent="0.35">
      <c r="B376" s="16"/>
      <c r="C376" s="15"/>
    </row>
    <row r="377" spans="2:3" x14ac:dyDescent="0.35">
      <c r="B377" s="16"/>
      <c r="C377" s="15"/>
    </row>
    <row r="378" spans="2:3" x14ac:dyDescent="0.35">
      <c r="B378" s="16"/>
      <c r="C378" s="15"/>
    </row>
    <row r="379" spans="2:3" x14ac:dyDescent="0.35">
      <c r="B379" s="16"/>
      <c r="C379" s="15"/>
    </row>
    <row r="380" spans="2:3" x14ac:dyDescent="0.35">
      <c r="B380" s="16"/>
      <c r="C380" s="15"/>
    </row>
    <row r="381" spans="2:3" x14ac:dyDescent="0.35">
      <c r="B381" s="16"/>
      <c r="C381" s="15"/>
    </row>
    <row r="382" spans="2:3" x14ac:dyDescent="0.35">
      <c r="B382" s="16"/>
      <c r="C382" s="15"/>
    </row>
    <row r="383" spans="2:3" x14ac:dyDescent="0.35">
      <c r="B383" s="16"/>
      <c r="C383" s="15"/>
    </row>
    <row r="384" spans="2:3" x14ac:dyDescent="0.35">
      <c r="B384" s="16"/>
      <c r="C384" s="15"/>
    </row>
    <row r="385" spans="2:3" x14ac:dyDescent="0.35">
      <c r="B385" s="16"/>
      <c r="C385" s="15"/>
    </row>
    <row r="386" spans="2:3" x14ac:dyDescent="0.35">
      <c r="B386" s="16"/>
      <c r="C386" s="15"/>
    </row>
  </sheetData>
  <mergeCells count="2">
    <mergeCell ref="A2:G2"/>
    <mergeCell ref="B10:G10"/>
  </mergeCells>
  <pageMargins left="0.7" right="0.7" top="0.75" bottom="0.75" header="0.3" footer="0.3"/>
  <pageSetup paperSize="9" orientation="portrait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386014B-CE0B-40E4-BA00-5ED8427EE3FE}">
  <dimension ref="A2:N386"/>
  <sheetViews>
    <sheetView zoomScale="80" zoomScaleNormal="80" workbookViewId="0">
      <selection activeCell="J372" sqref="J372"/>
    </sheetView>
  </sheetViews>
  <sheetFormatPr defaultColWidth="9" defaultRowHeight="14.5" x14ac:dyDescent="0.35"/>
  <cols>
    <col min="1" max="1" width="3.58203125" style="1" customWidth="1"/>
    <col min="2" max="2" width="14.33203125" style="1" customWidth="1"/>
    <col min="3" max="3" width="15.25" style="1" bestFit="1" customWidth="1"/>
    <col min="4" max="4" width="10.58203125" style="1" customWidth="1"/>
    <col min="5" max="5" width="10" style="1" customWidth="1"/>
    <col min="6" max="6" width="14.33203125" style="1" customWidth="1"/>
    <col min="7" max="7" width="17.5" style="1" customWidth="1"/>
    <col min="8" max="16384" width="9" style="1"/>
  </cols>
  <sheetData>
    <row r="2" spans="1:12" ht="21" x14ac:dyDescent="0.5">
      <c r="A2" s="73" t="s">
        <v>0</v>
      </c>
      <c r="B2" s="73"/>
      <c r="C2" s="73"/>
      <c r="D2" s="73"/>
      <c r="E2" s="73"/>
      <c r="F2" s="73"/>
      <c r="G2" s="73"/>
    </row>
    <row r="8" spans="1:12" x14ac:dyDescent="0.35">
      <c r="L8"/>
    </row>
    <row r="10" spans="1:12" ht="18.75" customHeight="1" x14ac:dyDescent="0.35">
      <c r="B10" s="74" t="s">
        <v>11</v>
      </c>
      <c r="C10" s="74"/>
      <c r="D10" s="74"/>
      <c r="E10" s="74"/>
      <c r="F10" s="74"/>
      <c r="G10" s="74"/>
    </row>
    <row r="11" spans="1:12" ht="18.75" customHeight="1" x14ac:dyDescent="0.35">
      <c r="B11" s="2" t="s">
        <v>7</v>
      </c>
      <c r="C11" s="2" t="s">
        <v>12</v>
      </c>
      <c r="D11" s="2" t="s">
        <v>13</v>
      </c>
      <c r="E11" s="2" t="s">
        <v>14</v>
      </c>
      <c r="F11" s="2" t="s">
        <v>15</v>
      </c>
      <c r="G11" s="2" t="s">
        <v>16</v>
      </c>
    </row>
    <row r="12" spans="1:12" x14ac:dyDescent="0.35">
      <c r="B12" s="16">
        <v>44480</v>
      </c>
      <c r="C12" s="15">
        <v>44480.385046296295</v>
      </c>
      <c r="D12" s="1">
        <v>72</v>
      </c>
      <c r="E12" s="1">
        <v>13.82</v>
      </c>
      <c r="F12" s="1">
        <v>995.04</v>
      </c>
      <c r="G12" s="1" t="s">
        <v>6</v>
      </c>
    </row>
    <row r="13" spans="1:12" x14ac:dyDescent="0.35">
      <c r="B13" s="16">
        <v>44480</v>
      </c>
      <c r="C13" s="15">
        <v>44480.385046296295</v>
      </c>
      <c r="D13" s="1">
        <v>257</v>
      </c>
      <c r="E13" s="1">
        <v>13.82</v>
      </c>
      <c r="F13" s="1">
        <v>3551.7400000000002</v>
      </c>
      <c r="G13" s="1" t="s">
        <v>6</v>
      </c>
    </row>
    <row r="14" spans="1:12" x14ac:dyDescent="0.35">
      <c r="B14" s="16">
        <v>44480</v>
      </c>
      <c r="C14" s="15">
        <v>44480.392025462963</v>
      </c>
      <c r="D14" s="1">
        <v>1143</v>
      </c>
      <c r="E14" s="1">
        <v>13.86</v>
      </c>
      <c r="F14" s="1">
        <v>15841.98</v>
      </c>
      <c r="G14" s="1" t="s">
        <v>6</v>
      </c>
    </row>
    <row r="15" spans="1:12" x14ac:dyDescent="0.35">
      <c r="B15" s="16">
        <v>44480</v>
      </c>
      <c r="C15" s="15">
        <v>44480.392025462963</v>
      </c>
      <c r="D15" s="1">
        <v>356</v>
      </c>
      <c r="E15" s="1">
        <v>13.86</v>
      </c>
      <c r="F15" s="1">
        <v>4934.16</v>
      </c>
      <c r="G15" s="1" t="s">
        <v>6</v>
      </c>
    </row>
    <row r="16" spans="1:12" x14ac:dyDescent="0.35">
      <c r="B16" s="16">
        <v>44480</v>
      </c>
      <c r="C16" s="15">
        <v>44480.405659722222</v>
      </c>
      <c r="D16" s="1">
        <v>377</v>
      </c>
      <c r="E16" s="1">
        <v>13.8</v>
      </c>
      <c r="F16" s="1">
        <v>5202.6000000000004</v>
      </c>
      <c r="G16" s="1" t="s">
        <v>6</v>
      </c>
    </row>
    <row r="17" spans="2:7" x14ac:dyDescent="0.35">
      <c r="B17" s="16">
        <v>44480</v>
      </c>
      <c r="C17" s="15">
        <v>44480.414965277778</v>
      </c>
      <c r="D17" s="1">
        <v>352</v>
      </c>
      <c r="E17" s="1">
        <v>13.76</v>
      </c>
      <c r="F17" s="1">
        <v>4843.5199999999995</v>
      </c>
      <c r="G17" s="1" t="s">
        <v>6</v>
      </c>
    </row>
    <row r="18" spans="2:7" x14ac:dyDescent="0.35">
      <c r="B18" s="16">
        <v>44480</v>
      </c>
      <c r="C18" s="15">
        <v>44480.414965277778</v>
      </c>
      <c r="D18" s="1">
        <v>23</v>
      </c>
      <c r="E18" s="1">
        <v>13.76</v>
      </c>
      <c r="F18" s="1">
        <v>316.48</v>
      </c>
      <c r="G18" s="1" t="s">
        <v>6</v>
      </c>
    </row>
    <row r="19" spans="2:7" x14ac:dyDescent="0.35">
      <c r="B19" s="16">
        <v>44480</v>
      </c>
      <c r="C19" s="15">
        <v>44480.414965277778</v>
      </c>
      <c r="D19" s="1">
        <v>364</v>
      </c>
      <c r="E19" s="1">
        <v>13.76</v>
      </c>
      <c r="F19" s="1">
        <v>5008.6400000000003</v>
      </c>
      <c r="G19" s="1" t="s">
        <v>6</v>
      </c>
    </row>
    <row r="20" spans="2:7" x14ac:dyDescent="0.35">
      <c r="B20" s="16">
        <v>44480</v>
      </c>
      <c r="C20" s="15">
        <v>44480.431481481479</v>
      </c>
      <c r="D20" s="1">
        <v>189</v>
      </c>
      <c r="E20" s="1">
        <v>13.72</v>
      </c>
      <c r="F20" s="1">
        <v>2593.08</v>
      </c>
      <c r="G20" s="1" t="s">
        <v>6</v>
      </c>
    </row>
    <row r="21" spans="2:7" x14ac:dyDescent="0.35">
      <c r="B21" s="16">
        <v>44480</v>
      </c>
      <c r="C21" s="15">
        <v>44480.431481481479</v>
      </c>
      <c r="D21" s="1">
        <v>195</v>
      </c>
      <c r="E21" s="1">
        <v>13.72</v>
      </c>
      <c r="F21" s="1">
        <v>2675.4</v>
      </c>
      <c r="G21" s="1" t="s">
        <v>6</v>
      </c>
    </row>
    <row r="22" spans="2:7" x14ac:dyDescent="0.35">
      <c r="B22" s="16">
        <v>44480</v>
      </c>
      <c r="C22" s="15">
        <v>44480.431481481479</v>
      </c>
      <c r="D22" s="1">
        <v>367</v>
      </c>
      <c r="E22" s="1">
        <v>13.72</v>
      </c>
      <c r="F22" s="1">
        <v>5035.24</v>
      </c>
      <c r="G22" s="1" t="s">
        <v>6</v>
      </c>
    </row>
    <row r="23" spans="2:7" x14ac:dyDescent="0.35">
      <c r="B23" s="16">
        <v>44480</v>
      </c>
      <c r="C23" s="15">
        <v>44480.46565972222</v>
      </c>
      <c r="D23" s="1">
        <v>241</v>
      </c>
      <c r="E23" s="1">
        <v>13.74</v>
      </c>
      <c r="F23" s="1">
        <v>3311.34</v>
      </c>
      <c r="G23" s="1" t="s">
        <v>6</v>
      </c>
    </row>
    <row r="24" spans="2:7" x14ac:dyDescent="0.35">
      <c r="B24" s="16">
        <v>44480</v>
      </c>
      <c r="C24" s="15">
        <v>44480.46565972222</v>
      </c>
      <c r="D24" s="1">
        <v>97</v>
      </c>
      <c r="E24" s="1">
        <v>13.74</v>
      </c>
      <c r="F24" s="1">
        <v>1332.78</v>
      </c>
      <c r="G24" s="1" t="s">
        <v>6</v>
      </c>
    </row>
    <row r="25" spans="2:7" x14ac:dyDescent="0.35">
      <c r="B25" s="16">
        <v>44480</v>
      </c>
      <c r="C25" s="15">
        <v>44480.46565972222</v>
      </c>
      <c r="D25" s="1">
        <v>250</v>
      </c>
      <c r="E25" s="1">
        <v>13.74</v>
      </c>
      <c r="F25" s="1">
        <v>3435</v>
      </c>
      <c r="G25" s="1" t="s">
        <v>6</v>
      </c>
    </row>
    <row r="26" spans="2:7" x14ac:dyDescent="0.35">
      <c r="B26" s="16">
        <v>44480</v>
      </c>
      <c r="C26" s="15">
        <v>44480.46565972222</v>
      </c>
      <c r="D26" s="1">
        <v>44</v>
      </c>
      <c r="E26" s="1">
        <v>13.74</v>
      </c>
      <c r="F26" s="1">
        <v>604.56000000000006</v>
      </c>
      <c r="G26" s="1" t="s">
        <v>6</v>
      </c>
    </row>
    <row r="27" spans="2:7" x14ac:dyDescent="0.35">
      <c r="B27" s="16">
        <v>44480</v>
      </c>
      <c r="C27" s="15">
        <v>44480.46565972222</v>
      </c>
      <c r="D27" s="1">
        <v>78</v>
      </c>
      <c r="E27" s="1">
        <v>13.74</v>
      </c>
      <c r="F27" s="1">
        <v>1071.72</v>
      </c>
      <c r="G27" s="1" t="s">
        <v>6</v>
      </c>
    </row>
    <row r="28" spans="2:7" x14ac:dyDescent="0.35">
      <c r="B28" s="16">
        <v>44480</v>
      </c>
      <c r="C28" s="15">
        <v>44480.468356481484</v>
      </c>
      <c r="D28" s="1">
        <v>71</v>
      </c>
      <c r="E28" s="1">
        <v>13.72</v>
      </c>
      <c r="F28" s="1">
        <v>974.12</v>
      </c>
      <c r="G28" s="1" t="s">
        <v>6</v>
      </c>
    </row>
    <row r="29" spans="2:7" x14ac:dyDescent="0.35">
      <c r="B29" s="16">
        <v>44480</v>
      </c>
      <c r="C29" s="15">
        <v>44480.468356481484</v>
      </c>
      <c r="D29" s="1">
        <v>286</v>
      </c>
      <c r="E29" s="1">
        <v>13.72</v>
      </c>
      <c r="F29" s="1">
        <v>3923.92</v>
      </c>
      <c r="G29" s="1" t="s">
        <v>6</v>
      </c>
    </row>
    <row r="30" spans="2:7" x14ac:dyDescent="0.35">
      <c r="B30" s="16">
        <v>44480</v>
      </c>
      <c r="C30" s="15">
        <v>44480.468356481484</v>
      </c>
      <c r="D30" s="1">
        <v>717</v>
      </c>
      <c r="E30" s="1">
        <v>13.72</v>
      </c>
      <c r="F30" s="1">
        <v>9837.24</v>
      </c>
      <c r="G30" s="1" t="s">
        <v>6</v>
      </c>
    </row>
    <row r="31" spans="2:7" x14ac:dyDescent="0.35">
      <c r="B31" s="16">
        <v>44480</v>
      </c>
      <c r="C31" s="15">
        <v>44480.503240740742</v>
      </c>
      <c r="D31" s="1">
        <v>23</v>
      </c>
      <c r="E31" s="1">
        <v>13.7</v>
      </c>
      <c r="F31" s="1">
        <v>315.09999999999997</v>
      </c>
      <c r="G31" s="1" t="s">
        <v>6</v>
      </c>
    </row>
    <row r="32" spans="2:7" x14ac:dyDescent="0.35">
      <c r="B32" s="16">
        <v>44480</v>
      </c>
      <c r="C32" s="15">
        <v>44480.503495370373</v>
      </c>
      <c r="D32" s="1">
        <v>25</v>
      </c>
      <c r="E32" s="1">
        <v>13.7</v>
      </c>
      <c r="F32" s="1">
        <v>342.5</v>
      </c>
      <c r="G32" s="1" t="s">
        <v>6</v>
      </c>
    </row>
    <row r="33" spans="2:7" x14ac:dyDescent="0.35">
      <c r="B33" s="16">
        <v>44480</v>
      </c>
      <c r="C33" s="15">
        <v>44480.503495370373</v>
      </c>
      <c r="D33" s="1">
        <v>358</v>
      </c>
      <c r="E33" s="1">
        <v>13.7</v>
      </c>
      <c r="F33" s="1">
        <v>4904.5999999999995</v>
      </c>
      <c r="G33" s="1" t="s">
        <v>6</v>
      </c>
    </row>
    <row r="34" spans="2:7" x14ac:dyDescent="0.35">
      <c r="B34" s="16">
        <v>44480</v>
      </c>
      <c r="C34" s="15">
        <v>44480.518784722219</v>
      </c>
      <c r="D34" s="1">
        <v>233</v>
      </c>
      <c r="E34" s="1">
        <v>13.72</v>
      </c>
      <c r="F34" s="1">
        <v>3196.76</v>
      </c>
      <c r="G34" s="1" t="s">
        <v>6</v>
      </c>
    </row>
    <row r="35" spans="2:7" x14ac:dyDescent="0.35">
      <c r="B35" s="16">
        <v>44480</v>
      </c>
      <c r="C35" s="15">
        <v>44480.525173611109</v>
      </c>
      <c r="D35" s="1">
        <v>354</v>
      </c>
      <c r="E35" s="1">
        <v>13.72</v>
      </c>
      <c r="F35" s="1">
        <v>4856.88</v>
      </c>
      <c r="G35" s="1" t="s">
        <v>6</v>
      </c>
    </row>
    <row r="36" spans="2:7" x14ac:dyDescent="0.35">
      <c r="B36" s="16">
        <v>44480</v>
      </c>
      <c r="C36" s="15">
        <v>44480.525173611109</v>
      </c>
      <c r="D36" s="1">
        <v>325</v>
      </c>
      <c r="E36" s="1">
        <v>13.72</v>
      </c>
      <c r="F36" s="1">
        <v>4459</v>
      </c>
      <c r="G36" s="1" t="s">
        <v>6</v>
      </c>
    </row>
    <row r="37" spans="2:7" x14ac:dyDescent="0.35">
      <c r="B37" s="16">
        <v>44480</v>
      </c>
      <c r="C37" s="15">
        <v>44480.525173611109</v>
      </c>
      <c r="D37" s="1">
        <v>354</v>
      </c>
      <c r="E37" s="1">
        <v>13.72</v>
      </c>
      <c r="F37" s="1">
        <v>4856.88</v>
      </c>
      <c r="G37" s="1" t="s">
        <v>6</v>
      </c>
    </row>
    <row r="38" spans="2:7" x14ac:dyDescent="0.35">
      <c r="B38" s="16">
        <v>44480</v>
      </c>
      <c r="C38" s="15">
        <v>44480.525173611109</v>
      </c>
      <c r="D38" s="1">
        <v>354</v>
      </c>
      <c r="E38" s="1">
        <v>13.72</v>
      </c>
      <c r="F38" s="1">
        <v>4856.88</v>
      </c>
      <c r="G38" s="1" t="s">
        <v>6</v>
      </c>
    </row>
    <row r="39" spans="2:7" x14ac:dyDescent="0.35">
      <c r="B39" s="16">
        <v>44480</v>
      </c>
      <c r="C39" s="15">
        <v>44480.563437500001</v>
      </c>
      <c r="D39" s="1">
        <v>332</v>
      </c>
      <c r="E39" s="1">
        <v>13.68</v>
      </c>
      <c r="F39" s="1">
        <v>4541.76</v>
      </c>
      <c r="G39" s="1" t="s">
        <v>6</v>
      </c>
    </row>
    <row r="40" spans="2:7" x14ac:dyDescent="0.35">
      <c r="B40" s="16">
        <v>44480</v>
      </c>
      <c r="C40" s="15">
        <v>44480.577523148146</v>
      </c>
      <c r="D40" s="1">
        <v>325</v>
      </c>
      <c r="E40" s="1">
        <v>13.68</v>
      </c>
      <c r="F40" s="1">
        <v>4446</v>
      </c>
      <c r="G40" s="1" t="s">
        <v>6</v>
      </c>
    </row>
    <row r="41" spans="2:7" x14ac:dyDescent="0.35">
      <c r="B41" s="16">
        <v>44480</v>
      </c>
      <c r="C41" s="15">
        <v>44480.577523148146</v>
      </c>
      <c r="D41" s="1">
        <v>46</v>
      </c>
      <c r="E41" s="1">
        <v>13.68</v>
      </c>
      <c r="F41" s="1">
        <v>629.28</v>
      </c>
      <c r="G41" s="1" t="s">
        <v>6</v>
      </c>
    </row>
    <row r="42" spans="2:7" x14ac:dyDescent="0.35">
      <c r="B42" s="16">
        <v>44480</v>
      </c>
      <c r="C42" s="15">
        <v>44480.577523148146</v>
      </c>
      <c r="D42" s="1">
        <v>334</v>
      </c>
      <c r="E42" s="1">
        <v>13.68</v>
      </c>
      <c r="F42" s="1">
        <v>4569.12</v>
      </c>
      <c r="G42" s="1" t="s">
        <v>6</v>
      </c>
    </row>
    <row r="43" spans="2:7" x14ac:dyDescent="0.35">
      <c r="B43" s="16">
        <v>44480</v>
      </c>
      <c r="C43" s="15">
        <v>44480.577523148146</v>
      </c>
      <c r="D43" s="1">
        <v>280</v>
      </c>
      <c r="E43" s="1">
        <v>13.68</v>
      </c>
      <c r="F43" s="1">
        <v>3830.4</v>
      </c>
      <c r="G43" s="1" t="s">
        <v>6</v>
      </c>
    </row>
    <row r="44" spans="2:7" x14ac:dyDescent="0.35">
      <c r="B44" s="16">
        <v>44480</v>
      </c>
      <c r="C44" s="15">
        <v>44480.577523148146</v>
      </c>
      <c r="D44" s="1">
        <v>334</v>
      </c>
      <c r="E44" s="1">
        <v>13.68</v>
      </c>
      <c r="F44" s="1">
        <v>4569.12</v>
      </c>
      <c r="G44" s="1" t="s">
        <v>6</v>
      </c>
    </row>
    <row r="45" spans="2:7" x14ac:dyDescent="0.35">
      <c r="B45" s="16">
        <v>44480</v>
      </c>
      <c r="C45" s="15">
        <v>44480.591828703706</v>
      </c>
      <c r="D45" s="1">
        <v>45</v>
      </c>
      <c r="E45" s="1">
        <v>13.64</v>
      </c>
      <c r="F45" s="1">
        <v>613.80000000000007</v>
      </c>
      <c r="G45" s="1" t="s">
        <v>6</v>
      </c>
    </row>
    <row r="46" spans="2:7" x14ac:dyDescent="0.35">
      <c r="B46" s="16">
        <v>44480</v>
      </c>
      <c r="C46" s="15">
        <v>44480.593668981484</v>
      </c>
      <c r="D46" s="1">
        <v>188</v>
      </c>
      <c r="E46" s="1">
        <v>13.64</v>
      </c>
      <c r="F46" s="1">
        <v>2564.3200000000002</v>
      </c>
      <c r="G46" s="1" t="s">
        <v>6</v>
      </c>
    </row>
    <row r="47" spans="2:7" x14ac:dyDescent="0.35">
      <c r="B47" s="16">
        <v>44480</v>
      </c>
      <c r="C47" s="15">
        <v>44480.629652777781</v>
      </c>
      <c r="D47" s="1">
        <v>710</v>
      </c>
      <c r="E47" s="1">
        <v>13.72</v>
      </c>
      <c r="F47" s="1">
        <v>9741.2000000000007</v>
      </c>
      <c r="G47" s="1" t="s">
        <v>6</v>
      </c>
    </row>
    <row r="48" spans="2:7" x14ac:dyDescent="0.35">
      <c r="B48" s="16">
        <v>44480</v>
      </c>
      <c r="C48" s="15">
        <v>44480.629652777781</v>
      </c>
      <c r="D48" s="1">
        <v>86</v>
      </c>
      <c r="E48" s="1">
        <v>13.72</v>
      </c>
      <c r="F48" s="1">
        <v>1179.92</v>
      </c>
      <c r="G48" s="1" t="s">
        <v>6</v>
      </c>
    </row>
    <row r="49" spans="2:7" x14ac:dyDescent="0.35">
      <c r="B49" s="16">
        <v>44480</v>
      </c>
      <c r="C49" s="15">
        <v>44480.629652777781</v>
      </c>
      <c r="D49" s="1">
        <v>121</v>
      </c>
      <c r="E49" s="1">
        <v>13.72</v>
      </c>
      <c r="F49" s="1">
        <v>1660.1200000000001</v>
      </c>
      <c r="G49" s="1" t="s">
        <v>6</v>
      </c>
    </row>
    <row r="50" spans="2:7" x14ac:dyDescent="0.35">
      <c r="B50" s="16">
        <v>44480</v>
      </c>
      <c r="C50" s="15">
        <v>44480.645879629628</v>
      </c>
      <c r="D50" s="1">
        <v>16</v>
      </c>
      <c r="E50" s="1">
        <v>13.76</v>
      </c>
      <c r="F50" s="1">
        <v>220.16</v>
      </c>
      <c r="G50" s="1" t="s">
        <v>6</v>
      </c>
    </row>
    <row r="51" spans="2:7" x14ac:dyDescent="0.35">
      <c r="B51" s="16">
        <v>44480</v>
      </c>
      <c r="C51" s="15">
        <v>44480.645879629628</v>
      </c>
      <c r="D51" s="1">
        <v>420</v>
      </c>
      <c r="E51" s="1">
        <v>13.76</v>
      </c>
      <c r="F51" s="1">
        <v>5779.2</v>
      </c>
      <c r="G51" s="1" t="s">
        <v>6</v>
      </c>
    </row>
    <row r="52" spans="2:7" x14ac:dyDescent="0.35">
      <c r="B52" s="16">
        <v>44480</v>
      </c>
      <c r="C52" s="15">
        <v>44480.645879629628</v>
      </c>
      <c r="D52" s="1">
        <v>250</v>
      </c>
      <c r="E52" s="1">
        <v>13.76</v>
      </c>
      <c r="F52" s="1">
        <v>3440</v>
      </c>
      <c r="G52" s="1" t="s">
        <v>6</v>
      </c>
    </row>
    <row r="53" spans="2:7" x14ac:dyDescent="0.35">
      <c r="B53" s="16">
        <v>44480</v>
      </c>
      <c r="C53" s="15">
        <v>44480.649189814816</v>
      </c>
      <c r="D53" s="1">
        <v>99</v>
      </c>
      <c r="E53" s="1">
        <v>13.72</v>
      </c>
      <c r="F53" s="1">
        <v>1358.28</v>
      </c>
      <c r="G53" s="1" t="s">
        <v>6</v>
      </c>
    </row>
    <row r="54" spans="2:7" x14ac:dyDescent="0.35">
      <c r="B54" s="16">
        <v>44480</v>
      </c>
      <c r="C54" s="15">
        <v>44480.649189814816</v>
      </c>
      <c r="D54" s="1">
        <v>505</v>
      </c>
      <c r="E54" s="1">
        <v>13.72</v>
      </c>
      <c r="F54" s="1">
        <v>6928.6</v>
      </c>
      <c r="G54" s="1" t="s">
        <v>6</v>
      </c>
    </row>
    <row r="55" spans="2:7" x14ac:dyDescent="0.35">
      <c r="B55" s="16">
        <v>44480</v>
      </c>
      <c r="C55" s="15">
        <v>44480.649189814816</v>
      </c>
      <c r="D55" s="1">
        <v>39</v>
      </c>
      <c r="E55" s="1">
        <v>13.72</v>
      </c>
      <c r="F55" s="1">
        <v>535.08000000000004</v>
      </c>
      <c r="G55" s="1" t="s">
        <v>6</v>
      </c>
    </row>
    <row r="56" spans="2:7" x14ac:dyDescent="0.35">
      <c r="B56" s="16">
        <v>44480</v>
      </c>
      <c r="C56" s="15">
        <v>44480.649189814816</v>
      </c>
      <c r="D56" s="1">
        <v>457</v>
      </c>
      <c r="E56" s="1">
        <v>13.72</v>
      </c>
      <c r="F56" s="1">
        <v>6270.04</v>
      </c>
      <c r="G56" s="1" t="s">
        <v>6</v>
      </c>
    </row>
    <row r="57" spans="2:7" x14ac:dyDescent="0.35">
      <c r="B57" s="16">
        <v>44480</v>
      </c>
      <c r="C57" s="15">
        <v>44480.649189814816</v>
      </c>
      <c r="D57" s="1">
        <v>12</v>
      </c>
      <c r="E57" s="1">
        <v>13.72</v>
      </c>
      <c r="F57" s="1">
        <v>164.64000000000001</v>
      </c>
      <c r="G57" s="1" t="s">
        <v>6</v>
      </c>
    </row>
    <row r="58" spans="2:7" x14ac:dyDescent="0.35">
      <c r="B58" s="16">
        <v>44480</v>
      </c>
      <c r="C58" s="15">
        <v>44480.649189814816</v>
      </c>
      <c r="D58" s="1">
        <v>36</v>
      </c>
      <c r="E58" s="1">
        <v>13.72</v>
      </c>
      <c r="F58" s="1">
        <v>493.92</v>
      </c>
      <c r="G58" s="1" t="s">
        <v>6</v>
      </c>
    </row>
    <row r="59" spans="2:7" x14ac:dyDescent="0.35">
      <c r="B59" s="16">
        <v>44480</v>
      </c>
      <c r="C59" s="15">
        <v>44480.657199074078</v>
      </c>
      <c r="D59" s="1">
        <v>369</v>
      </c>
      <c r="E59" s="1">
        <v>13.72</v>
      </c>
      <c r="F59" s="1">
        <v>5062.68</v>
      </c>
      <c r="G59" s="1" t="s">
        <v>6</v>
      </c>
    </row>
    <row r="60" spans="2:7" x14ac:dyDescent="0.35">
      <c r="B60" s="16">
        <v>44480</v>
      </c>
      <c r="C60" s="15">
        <v>44480.673483796294</v>
      </c>
      <c r="D60" s="1">
        <v>154</v>
      </c>
      <c r="E60" s="1">
        <v>13.74</v>
      </c>
      <c r="F60" s="1">
        <v>2115.96</v>
      </c>
      <c r="G60" s="1" t="s">
        <v>6</v>
      </c>
    </row>
    <row r="61" spans="2:7" x14ac:dyDescent="0.35">
      <c r="B61" s="16">
        <v>44480</v>
      </c>
      <c r="C61" s="15">
        <v>44480.673483796294</v>
      </c>
      <c r="D61" s="1">
        <v>70</v>
      </c>
      <c r="E61" s="1">
        <v>13.74</v>
      </c>
      <c r="F61" s="1">
        <v>961.80000000000007</v>
      </c>
      <c r="G61" s="1" t="s">
        <v>6</v>
      </c>
    </row>
    <row r="62" spans="2:7" x14ac:dyDescent="0.35">
      <c r="B62" s="16">
        <v>44480</v>
      </c>
      <c r="C62" s="15">
        <v>44480.673483796294</v>
      </c>
      <c r="D62" s="1">
        <v>120</v>
      </c>
      <c r="E62" s="1">
        <v>13.74</v>
      </c>
      <c r="F62" s="1">
        <v>1648.8</v>
      </c>
      <c r="G62" s="1" t="s">
        <v>6</v>
      </c>
    </row>
    <row r="63" spans="2:7" x14ac:dyDescent="0.35">
      <c r="B63" s="16">
        <v>44480</v>
      </c>
      <c r="C63" s="15">
        <v>44480.676562499997</v>
      </c>
      <c r="D63" s="1">
        <v>352</v>
      </c>
      <c r="E63" s="1">
        <v>13.7</v>
      </c>
      <c r="F63" s="1">
        <v>4822.3999999999996</v>
      </c>
      <c r="G63" s="1" t="s">
        <v>6</v>
      </c>
    </row>
    <row r="64" spans="2:7" x14ac:dyDescent="0.35">
      <c r="B64" s="16">
        <v>44480</v>
      </c>
      <c r="C64" s="15">
        <v>44480.676562499997</v>
      </c>
      <c r="D64" s="1">
        <v>341</v>
      </c>
      <c r="E64" s="1">
        <v>13.7</v>
      </c>
      <c r="F64" s="1">
        <v>4671.7</v>
      </c>
      <c r="G64" s="1" t="s">
        <v>6</v>
      </c>
    </row>
    <row r="65" spans="2:7" x14ac:dyDescent="0.35">
      <c r="B65" s="16">
        <v>44480</v>
      </c>
      <c r="C65" s="15">
        <v>44480.676562499997</v>
      </c>
      <c r="D65" s="1">
        <v>331</v>
      </c>
      <c r="E65" s="1">
        <v>13.7</v>
      </c>
      <c r="F65" s="1">
        <v>4534.7</v>
      </c>
      <c r="G65" s="1" t="s">
        <v>6</v>
      </c>
    </row>
    <row r="66" spans="2:7" x14ac:dyDescent="0.35">
      <c r="B66" s="16">
        <v>44480</v>
      </c>
      <c r="C66" s="15">
        <v>44480.688368055555</v>
      </c>
      <c r="D66" s="1">
        <v>383</v>
      </c>
      <c r="E66" s="1">
        <v>13.66</v>
      </c>
      <c r="F66" s="1">
        <v>5231.78</v>
      </c>
      <c r="G66" s="1" t="s">
        <v>6</v>
      </c>
    </row>
    <row r="67" spans="2:7" x14ac:dyDescent="0.35">
      <c r="B67" s="16">
        <v>44480</v>
      </c>
      <c r="C67" s="15">
        <v>44480.689826388887</v>
      </c>
      <c r="D67" s="1">
        <v>344</v>
      </c>
      <c r="E67" s="1">
        <v>13.64</v>
      </c>
      <c r="F67" s="1">
        <v>4692.16</v>
      </c>
      <c r="G67" s="1" t="s">
        <v>6</v>
      </c>
    </row>
    <row r="68" spans="2:7" x14ac:dyDescent="0.35">
      <c r="B68" s="16">
        <v>44480</v>
      </c>
      <c r="C68" s="15">
        <v>44480.710138888891</v>
      </c>
      <c r="D68" s="1">
        <v>387</v>
      </c>
      <c r="E68" s="1">
        <v>13.66</v>
      </c>
      <c r="F68" s="1">
        <v>5286.42</v>
      </c>
      <c r="G68" s="1" t="s">
        <v>6</v>
      </c>
    </row>
    <row r="69" spans="2:7" x14ac:dyDescent="0.35">
      <c r="B69" s="16">
        <v>44480</v>
      </c>
      <c r="C69" s="15">
        <v>44480.718321759261</v>
      </c>
      <c r="D69" s="1">
        <v>648</v>
      </c>
      <c r="E69" s="1">
        <v>13.66</v>
      </c>
      <c r="F69" s="1">
        <v>8851.68</v>
      </c>
      <c r="G69" s="1" t="s">
        <v>6</v>
      </c>
    </row>
    <row r="70" spans="2:7" x14ac:dyDescent="0.35">
      <c r="B70" s="16">
        <v>44480</v>
      </c>
      <c r="C70" s="15">
        <v>44480.721921296295</v>
      </c>
      <c r="D70" s="1">
        <v>63</v>
      </c>
      <c r="E70" s="1">
        <v>13.66</v>
      </c>
      <c r="F70" s="1">
        <v>860.58</v>
      </c>
      <c r="G70" s="1" t="s">
        <v>6</v>
      </c>
    </row>
    <row r="71" spans="2:7" x14ac:dyDescent="0.35">
      <c r="B71" s="16">
        <v>44480</v>
      </c>
      <c r="C71" s="15">
        <v>44480.721921296295</v>
      </c>
      <c r="D71" s="1">
        <v>48</v>
      </c>
      <c r="E71" s="1">
        <v>13.66</v>
      </c>
      <c r="F71" s="1">
        <v>655.68000000000006</v>
      </c>
      <c r="G71" s="1" t="s">
        <v>6</v>
      </c>
    </row>
    <row r="72" spans="2:7" x14ac:dyDescent="0.35">
      <c r="B72" s="16">
        <v>44480</v>
      </c>
      <c r="C72" s="15">
        <v>44480.721921296295</v>
      </c>
      <c r="D72" s="1">
        <v>250</v>
      </c>
      <c r="E72" s="1">
        <v>13.66</v>
      </c>
      <c r="F72" s="1">
        <v>3415</v>
      </c>
      <c r="G72" s="1" t="s">
        <v>6</v>
      </c>
    </row>
    <row r="73" spans="2:7" x14ac:dyDescent="0.35">
      <c r="B73" s="16">
        <v>44481</v>
      </c>
      <c r="C73" s="15">
        <v>44481.380868055552</v>
      </c>
      <c r="D73" s="1">
        <v>144</v>
      </c>
      <c r="E73" s="1">
        <v>13.52</v>
      </c>
      <c r="F73" s="1">
        <v>1946.8799999999999</v>
      </c>
      <c r="G73" s="1" t="s">
        <v>6</v>
      </c>
    </row>
    <row r="74" spans="2:7" x14ac:dyDescent="0.35">
      <c r="B74" s="16">
        <v>44481</v>
      </c>
      <c r="C74" s="15">
        <v>44481.385520833333</v>
      </c>
      <c r="D74" s="1">
        <v>31</v>
      </c>
      <c r="E74" s="1">
        <v>13.58</v>
      </c>
      <c r="F74" s="1">
        <v>420.98</v>
      </c>
      <c r="G74" s="1" t="s">
        <v>6</v>
      </c>
    </row>
    <row r="75" spans="2:7" x14ac:dyDescent="0.35">
      <c r="B75" s="16">
        <v>44481</v>
      </c>
      <c r="C75" s="15">
        <v>44481.385520833333</v>
      </c>
      <c r="D75" s="1">
        <v>288</v>
      </c>
      <c r="E75" s="1">
        <v>13.58</v>
      </c>
      <c r="F75" s="1">
        <v>3911.04</v>
      </c>
      <c r="G75" s="1" t="s">
        <v>6</v>
      </c>
    </row>
    <row r="76" spans="2:7" x14ac:dyDescent="0.35">
      <c r="B76" s="16">
        <v>44481</v>
      </c>
      <c r="C76" s="15">
        <v>44481.385520833333</v>
      </c>
      <c r="D76" s="1">
        <v>71</v>
      </c>
      <c r="E76" s="1">
        <v>13.58</v>
      </c>
      <c r="F76" s="1">
        <v>964.18</v>
      </c>
      <c r="G76" s="1" t="s">
        <v>6</v>
      </c>
    </row>
    <row r="77" spans="2:7" x14ac:dyDescent="0.35">
      <c r="B77" s="16">
        <v>44481</v>
      </c>
      <c r="C77" s="15">
        <v>44481.38753472222</v>
      </c>
      <c r="D77" s="1">
        <v>400</v>
      </c>
      <c r="E77" s="1">
        <v>13.54</v>
      </c>
      <c r="F77" s="1">
        <v>5416</v>
      </c>
      <c r="G77" s="1" t="s">
        <v>6</v>
      </c>
    </row>
    <row r="78" spans="2:7" x14ac:dyDescent="0.35">
      <c r="B78" s="16">
        <v>44481</v>
      </c>
      <c r="C78" s="15">
        <v>44481.38753472222</v>
      </c>
      <c r="D78" s="1">
        <v>181</v>
      </c>
      <c r="E78" s="1">
        <v>13.54</v>
      </c>
      <c r="F78" s="1">
        <v>2450.7399999999998</v>
      </c>
      <c r="G78" s="1" t="s">
        <v>6</v>
      </c>
    </row>
    <row r="79" spans="2:7" x14ac:dyDescent="0.35">
      <c r="B79" s="16">
        <v>44481</v>
      </c>
      <c r="C79" s="15">
        <v>44481.38753472222</v>
      </c>
      <c r="D79" s="1">
        <v>14</v>
      </c>
      <c r="E79" s="1">
        <v>13.54</v>
      </c>
      <c r="F79" s="1">
        <v>189.56</v>
      </c>
      <c r="G79" s="1" t="s">
        <v>6</v>
      </c>
    </row>
    <row r="80" spans="2:7" x14ac:dyDescent="0.35">
      <c r="B80" s="16">
        <v>44481</v>
      </c>
      <c r="C80" s="15">
        <v>44481.388449074075</v>
      </c>
      <c r="D80" s="1">
        <v>331</v>
      </c>
      <c r="E80" s="1">
        <v>13.52</v>
      </c>
      <c r="F80" s="1">
        <v>4475.12</v>
      </c>
      <c r="G80" s="1" t="s">
        <v>6</v>
      </c>
    </row>
    <row r="81" spans="2:7" x14ac:dyDescent="0.35">
      <c r="B81" s="16">
        <v>44481</v>
      </c>
      <c r="C81" s="15">
        <v>44481.407696759263</v>
      </c>
      <c r="D81" s="1">
        <v>44</v>
      </c>
      <c r="E81" s="1">
        <v>13.58</v>
      </c>
      <c r="F81" s="1">
        <v>597.52</v>
      </c>
      <c r="G81" s="1" t="s">
        <v>6</v>
      </c>
    </row>
    <row r="82" spans="2:7" x14ac:dyDescent="0.35">
      <c r="B82" s="16">
        <v>44481</v>
      </c>
      <c r="C82" s="15">
        <v>44481.429814814815</v>
      </c>
      <c r="D82" s="1">
        <v>434</v>
      </c>
      <c r="E82" s="1">
        <v>13.62</v>
      </c>
      <c r="F82" s="1">
        <v>5911.08</v>
      </c>
      <c r="G82" s="1" t="s">
        <v>6</v>
      </c>
    </row>
    <row r="83" spans="2:7" x14ac:dyDescent="0.35">
      <c r="B83" s="16">
        <v>44481</v>
      </c>
      <c r="C83" s="15">
        <v>44481.429814814815</v>
      </c>
      <c r="D83" s="1">
        <v>332</v>
      </c>
      <c r="E83" s="1">
        <v>13.62</v>
      </c>
      <c r="F83" s="1">
        <v>4521.84</v>
      </c>
      <c r="G83" s="1" t="s">
        <v>6</v>
      </c>
    </row>
    <row r="84" spans="2:7" x14ac:dyDescent="0.35">
      <c r="B84" s="16">
        <v>44481</v>
      </c>
      <c r="C84" s="15">
        <v>44481.429814814815</v>
      </c>
      <c r="D84" s="1">
        <v>153</v>
      </c>
      <c r="E84" s="1">
        <v>13.62</v>
      </c>
      <c r="F84" s="1">
        <v>2083.8599999999997</v>
      </c>
      <c r="G84" s="1" t="s">
        <v>6</v>
      </c>
    </row>
    <row r="85" spans="2:7" x14ac:dyDescent="0.35">
      <c r="B85" s="16">
        <v>44481</v>
      </c>
      <c r="C85" s="15">
        <v>44481.429814814815</v>
      </c>
      <c r="D85" s="1">
        <v>250</v>
      </c>
      <c r="E85" s="1">
        <v>13.62</v>
      </c>
      <c r="F85" s="1">
        <v>3405</v>
      </c>
      <c r="G85" s="1" t="s">
        <v>6</v>
      </c>
    </row>
    <row r="86" spans="2:7" x14ac:dyDescent="0.35">
      <c r="B86" s="16">
        <v>44481</v>
      </c>
      <c r="C86" s="15">
        <v>44481.429814814815</v>
      </c>
      <c r="D86" s="1">
        <v>764</v>
      </c>
      <c r="E86" s="1">
        <v>13.62</v>
      </c>
      <c r="F86" s="1">
        <v>10405.68</v>
      </c>
      <c r="G86" s="1" t="s">
        <v>6</v>
      </c>
    </row>
    <row r="87" spans="2:7" x14ac:dyDescent="0.35">
      <c r="B87" s="16">
        <v>44481</v>
      </c>
      <c r="C87" s="15">
        <v>44481.429814814815</v>
      </c>
      <c r="D87" s="1">
        <v>243</v>
      </c>
      <c r="E87" s="1">
        <v>13.62</v>
      </c>
      <c r="F87" s="1">
        <v>3309.66</v>
      </c>
      <c r="G87" s="1" t="s">
        <v>6</v>
      </c>
    </row>
    <row r="88" spans="2:7" x14ac:dyDescent="0.35">
      <c r="B88" s="16">
        <v>44481</v>
      </c>
      <c r="C88" s="15">
        <v>44481.454421296294</v>
      </c>
      <c r="D88" s="1">
        <v>135</v>
      </c>
      <c r="E88" s="1">
        <v>13.68</v>
      </c>
      <c r="F88" s="1">
        <v>1846.8</v>
      </c>
      <c r="G88" s="1" t="s">
        <v>6</v>
      </c>
    </row>
    <row r="89" spans="2:7" x14ac:dyDescent="0.35">
      <c r="B89" s="16">
        <v>44481</v>
      </c>
      <c r="C89" s="15">
        <v>44481.454421296294</v>
      </c>
      <c r="D89" s="1">
        <v>203</v>
      </c>
      <c r="E89" s="1">
        <v>13.68</v>
      </c>
      <c r="F89" s="1">
        <v>2777.04</v>
      </c>
      <c r="G89" s="1" t="s">
        <v>6</v>
      </c>
    </row>
    <row r="90" spans="2:7" x14ac:dyDescent="0.35">
      <c r="B90" s="16">
        <v>44481</v>
      </c>
      <c r="C90" s="15">
        <v>44481.455706018518</v>
      </c>
      <c r="D90" s="1">
        <v>181</v>
      </c>
      <c r="E90" s="1">
        <v>13.68</v>
      </c>
      <c r="F90" s="1">
        <v>2476.08</v>
      </c>
      <c r="G90" s="1" t="s">
        <v>6</v>
      </c>
    </row>
    <row r="91" spans="2:7" x14ac:dyDescent="0.35">
      <c r="B91" s="16">
        <v>44481</v>
      </c>
      <c r="C91" s="15">
        <v>44481.455706018518</v>
      </c>
      <c r="D91" s="1">
        <v>189</v>
      </c>
      <c r="E91" s="1">
        <v>13.68</v>
      </c>
      <c r="F91" s="1">
        <v>2585.52</v>
      </c>
      <c r="G91" s="1" t="s">
        <v>6</v>
      </c>
    </row>
    <row r="92" spans="2:7" x14ac:dyDescent="0.35">
      <c r="B92" s="16">
        <v>44481</v>
      </c>
      <c r="C92" s="15">
        <v>44481.455706018518</v>
      </c>
      <c r="D92" s="1">
        <v>250</v>
      </c>
      <c r="E92" s="1">
        <v>13.68</v>
      </c>
      <c r="F92" s="1">
        <v>3420</v>
      </c>
      <c r="G92" s="1" t="s">
        <v>6</v>
      </c>
    </row>
    <row r="93" spans="2:7" x14ac:dyDescent="0.35">
      <c r="B93" s="16">
        <v>44481</v>
      </c>
      <c r="C93" s="15">
        <v>44481.455706018518</v>
      </c>
      <c r="D93" s="1">
        <v>439</v>
      </c>
      <c r="E93" s="1">
        <v>13.68</v>
      </c>
      <c r="F93" s="1">
        <v>6005.5199999999995</v>
      </c>
      <c r="G93" s="1" t="s">
        <v>6</v>
      </c>
    </row>
    <row r="94" spans="2:7" x14ac:dyDescent="0.35">
      <c r="B94" s="16">
        <v>44481</v>
      </c>
      <c r="C94" s="15">
        <v>44481.455706018518</v>
      </c>
      <c r="D94" s="1">
        <v>14</v>
      </c>
      <c r="E94" s="1">
        <v>13.68</v>
      </c>
      <c r="F94" s="1">
        <v>191.51999999999998</v>
      </c>
      <c r="G94" s="1" t="s">
        <v>6</v>
      </c>
    </row>
    <row r="95" spans="2:7" x14ac:dyDescent="0.35">
      <c r="B95" s="16">
        <v>44481</v>
      </c>
      <c r="C95" s="15">
        <v>44481.476180555554</v>
      </c>
      <c r="D95" s="1">
        <v>258</v>
      </c>
      <c r="E95" s="1">
        <v>13.68</v>
      </c>
      <c r="F95" s="1">
        <v>3529.44</v>
      </c>
      <c r="G95" s="1" t="s">
        <v>6</v>
      </c>
    </row>
    <row r="96" spans="2:7" x14ac:dyDescent="0.35">
      <c r="B96" s="16">
        <v>44481</v>
      </c>
      <c r="C96" s="15">
        <v>44481.476180555554</v>
      </c>
      <c r="D96" s="1">
        <v>83</v>
      </c>
      <c r="E96" s="1">
        <v>13.68</v>
      </c>
      <c r="F96" s="1">
        <v>1135.44</v>
      </c>
      <c r="G96" s="1" t="s">
        <v>6</v>
      </c>
    </row>
    <row r="97" spans="2:7" x14ac:dyDescent="0.35">
      <c r="B97" s="16">
        <v>44481</v>
      </c>
      <c r="C97" s="15">
        <v>44481.479097222225</v>
      </c>
      <c r="D97" s="1">
        <v>76</v>
      </c>
      <c r="E97" s="1">
        <v>13.68</v>
      </c>
      <c r="F97" s="1">
        <v>1039.68</v>
      </c>
      <c r="G97" s="1" t="s">
        <v>6</v>
      </c>
    </row>
    <row r="98" spans="2:7" x14ac:dyDescent="0.35">
      <c r="B98" s="16">
        <v>44481</v>
      </c>
      <c r="C98" s="15">
        <v>44481.479097222225</v>
      </c>
      <c r="D98" s="1">
        <v>250</v>
      </c>
      <c r="E98" s="1">
        <v>13.68</v>
      </c>
      <c r="F98" s="1">
        <v>3420</v>
      </c>
      <c r="G98" s="1" t="s">
        <v>6</v>
      </c>
    </row>
    <row r="99" spans="2:7" x14ac:dyDescent="0.35">
      <c r="B99" s="16">
        <v>44481</v>
      </c>
      <c r="C99" s="15">
        <v>44481.479097222225</v>
      </c>
      <c r="D99" s="1">
        <v>60</v>
      </c>
      <c r="E99" s="1">
        <v>13.68</v>
      </c>
      <c r="F99" s="1">
        <v>820.8</v>
      </c>
      <c r="G99" s="1" t="s">
        <v>6</v>
      </c>
    </row>
    <row r="100" spans="2:7" x14ac:dyDescent="0.35">
      <c r="B100" s="16">
        <v>44481</v>
      </c>
      <c r="C100" s="15">
        <v>44481.510833333334</v>
      </c>
      <c r="D100" s="1">
        <v>3</v>
      </c>
      <c r="E100" s="1">
        <v>13.68</v>
      </c>
      <c r="F100" s="1">
        <v>41.04</v>
      </c>
      <c r="G100" s="1" t="s">
        <v>6</v>
      </c>
    </row>
    <row r="101" spans="2:7" x14ac:dyDescent="0.35">
      <c r="B101" s="16">
        <v>44481</v>
      </c>
      <c r="C101" s="15">
        <v>44481.510868055557</v>
      </c>
      <c r="D101" s="1">
        <v>203</v>
      </c>
      <c r="E101" s="1">
        <v>13.68</v>
      </c>
      <c r="F101" s="1">
        <v>2777.04</v>
      </c>
      <c r="G101" s="1" t="s">
        <v>6</v>
      </c>
    </row>
    <row r="102" spans="2:7" x14ac:dyDescent="0.35">
      <c r="B102" s="16">
        <v>44481</v>
      </c>
      <c r="C102" s="15">
        <v>44481.516828703701</v>
      </c>
      <c r="D102" s="1">
        <v>138</v>
      </c>
      <c r="E102" s="1">
        <v>13.72</v>
      </c>
      <c r="F102" s="1">
        <v>1893.3600000000001</v>
      </c>
      <c r="G102" s="1" t="s">
        <v>6</v>
      </c>
    </row>
    <row r="103" spans="2:7" x14ac:dyDescent="0.35">
      <c r="B103" s="16">
        <v>44481</v>
      </c>
      <c r="C103" s="15">
        <v>44481.520543981482</v>
      </c>
      <c r="D103" s="1">
        <v>187</v>
      </c>
      <c r="E103" s="1">
        <v>13.74</v>
      </c>
      <c r="F103" s="1">
        <v>2569.38</v>
      </c>
      <c r="G103" s="1" t="s">
        <v>6</v>
      </c>
    </row>
    <row r="104" spans="2:7" x14ac:dyDescent="0.35">
      <c r="B104" s="16">
        <v>44481</v>
      </c>
      <c r="C104" s="15">
        <v>44481.520543981482</v>
      </c>
      <c r="D104" s="1">
        <v>178</v>
      </c>
      <c r="E104" s="1">
        <v>13.74</v>
      </c>
      <c r="F104" s="1">
        <v>2445.7200000000003</v>
      </c>
      <c r="G104" s="1" t="s">
        <v>6</v>
      </c>
    </row>
    <row r="105" spans="2:7" x14ac:dyDescent="0.35">
      <c r="B105" s="16">
        <v>44481</v>
      </c>
      <c r="C105" s="15">
        <v>44481.531504629631</v>
      </c>
      <c r="D105" s="1">
        <v>132</v>
      </c>
      <c r="E105" s="1">
        <v>13.74</v>
      </c>
      <c r="F105" s="1">
        <v>1813.68</v>
      </c>
      <c r="G105" s="1" t="s">
        <v>6</v>
      </c>
    </row>
    <row r="106" spans="2:7" x14ac:dyDescent="0.35">
      <c r="B106" s="16">
        <v>44481</v>
      </c>
      <c r="C106" s="15">
        <v>44481.531504629631</v>
      </c>
      <c r="D106" s="1">
        <v>183</v>
      </c>
      <c r="E106" s="1">
        <v>13.74</v>
      </c>
      <c r="F106" s="1">
        <v>2514.42</v>
      </c>
      <c r="G106" s="1" t="s">
        <v>6</v>
      </c>
    </row>
    <row r="107" spans="2:7" x14ac:dyDescent="0.35">
      <c r="B107" s="16">
        <v>44481</v>
      </c>
      <c r="C107" s="15">
        <v>44481.531504629631</v>
      </c>
      <c r="D107" s="1">
        <v>17</v>
      </c>
      <c r="E107" s="1">
        <v>13.74</v>
      </c>
      <c r="F107" s="1">
        <v>233.58</v>
      </c>
      <c r="G107" s="1" t="s">
        <v>6</v>
      </c>
    </row>
    <row r="108" spans="2:7" x14ac:dyDescent="0.35">
      <c r="B108" s="16">
        <v>44481</v>
      </c>
      <c r="C108" s="15">
        <v>44481.541666666664</v>
      </c>
      <c r="D108" s="1">
        <v>105</v>
      </c>
      <c r="E108" s="1">
        <v>13.76</v>
      </c>
      <c r="F108" s="1">
        <v>1444.8</v>
      </c>
      <c r="G108" s="1" t="s">
        <v>6</v>
      </c>
    </row>
    <row r="109" spans="2:7" x14ac:dyDescent="0.35">
      <c r="B109" s="16">
        <v>44481</v>
      </c>
      <c r="C109" s="15">
        <v>44481.541666666664</v>
      </c>
      <c r="D109" s="1">
        <v>18</v>
      </c>
      <c r="E109" s="1">
        <v>13.76</v>
      </c>
      <c r="F109" s="1">
        <v>247.68</v>
      </c>
      <c r="G109" s="1" t="s">
        <v>6</v>
      </c>
    </row>
    <row r="110" spans="2:7" x14ac:dyDescent="0.35">
      <c r="B110" s="16">
        <v>44481</v>
      </c>
      <c r="C110" s="15">
        <v>44481.544363425928</v>
      </c>
      <c r="D110" s="1">
        <v>93</v>
      </c>
      <c r="E110" s="1">
        <v>13.74</v>
      </c>
      <c r="F110" s="1">
        <v>1277.82</v>
      </c>
      <c r="G110" s="1" t="s">
        <v>6</v>
      </c>
    </row>
    <row r="111" spans="2:7" x14ac:dyDescent="0.35">
      <c r="B111" s="16">
        <v>44481</v>
      </c>
      <c r="C111" s="15">
        <v>44481.544363425928</v>
      </c>
      <c r="D111" s="1">
        <v>466</v>
      </c>
      <c r="E111" s="1">
        <v>13.74</v>
      </c>
      <c r="F111" s="1">
        <v>6402.84</v>
      </c>
      <c r="G111" s="1" t="s">
        <v>6</v>
      </c>
    </row>
    <row r="112" spans="2:7" x14ac:dyDescent="0.35">
      <c r="B112" s="16">
        <v>44481</v>
      </c>
      <c r="C112" s="15">
        <v>44481.544363425928</v>
      </c>
      <c r="D112" s="1">
        <v>48</v>
      </c>
      <c r="E112" s="1">
        <v>13.74</v>
      </c>
      <c r="F112" s="1">
        <v>659.52</v>
      </c>
      <c r="G112" s="1" t="s">
        <v>6</v>
      </c>
    </row>
    <row r="113" spans="2:7" x14ac:dyDescent="0.35">
      <c r="B113" s="16">
        <v>44481</v>
      </c>
      <c r="C113" s="15">
        <v>44481.544363425928</v>
      </c>
      <c r="D113" s="1">
        <v>257</v>
      </c>
      <c r="E113" s="1">
        <v>13.74</v>
      </c>
      <c r="F113" s="1">
        <v>3531.18</v>
      </c>
      <c r="G113" s="1" t="s">
        <v>6</v>
      </c>
    </row>
    <row r="114" spans="2:7" x14ac:dyDescent="0.35">
      <c r="B114" s="16">
        <v>44481</v>
      </c>
      <c r="C114" s="15">
        <v>44481.544363425928</v>
      </c>
      <c r="D114" s="1">
        <v>135</v>
      </c>
      <c r="E114" s="1">
        <v>13.74</v>
      </c>
      <c r="F114" s="1">
        <v>1854.9</v>
      </c>
      <c r="G114" s="1" t="s">
        <v>6</v>
      </c>
    </row>
    <row r="115" spans="2:7" x14ac:dyDescent="0.35">
      <c r="B115" s="16">
        <v>44481</v>
      </c>
      <c r="C115" s="15">
        <v>44481.557569444441</v>
      </c>
      <c r="D115" s="1">
        <v>143</v>
      </c>
      <c r="E115" s="1">
        <v>13.72</v>
      </c>
      <c r="F115" s="1">
        <v>1961.96</v>
      </c>
      <c r="G115" s="1" t="s">
        <v>6</v>
      </c>
    </row>
    <row r="116" spans="2:7" x14ac:dyDescent="0.35">
      <c r="B116" s="16">
        <v>44481</v>
      </c>
      <c r="C116" s="15">
        <v>44481.557569444441</v>
      </c>
      <c r="D116" s="1">
        <v>91</v>
      </c>
      <c r="E116" s="1">
        <v>13.72</v>
      </c>
      <c r="F116" s="1">
        <v>1248.52</v>
      </c>
      <c r="G116" s="1" t="s">
        <v>6</v>
      </c>
    </row>
    <row r="117" spans="2:7" x14ac:dyDescent="0.35">
      <c r="B117" s="16">
        <v>44481</v>
      </c>
      <c r="C117" s="15">
        <v>44481.557569444441</v>
      </c>
      <c r="D117" s="1">
        <v>161</v>
      </c>
      <c r="E117" s="1">
        <v>13.72</v>
      </c>
      <c r="F117" s="1">
        <v>2208.92</v>
      </c>
      <c r="G117" s="1" t="s">
        <v>6</v>
      </c>
    </row>
    <row r="118" spans="2:7" x14ac:dyDescent="0.35">
      <c r="B118" s="16">
        <v>44481</v>
      </c>
      <c r="C118" s="15">
        <v>44481.567384259259</v>
      </c>
      <c r="D118" s="1">
        <v>119</v>
      </c>
      <c r="E118" s="1">
        <v>13.72</v>
      </c>
      <c r="F118" s="1">
        <v>1632.68</v>
      </c>
      <c r="G118" s="1" t="s">
        <v>6</v>
      </c>
    </row>
    <row r="119" spans="2:7" x14ac:dyDescent="0.35">
      <c r="B119" s="16">
        <v>44481</v>
      </c>
      <c r="C119" s="15">
        <v>44481.571435185186</v>
      </c>
      <c r="D119" s="1">
        <v>208</v>
      </c>
      <c r="E119" s="1">
        <v>13.72</v>
      </c>
      <c r="F119" s="1">
        <v>2853.76</v>
      </c>
      <c r="G119" s="1" t="s">
        <v>6</v>
      </c>
    </row>
    <row r="120" spans="2:7" x14ac:dyDescent="0.35">
      <c r="B120" s="16">
        <v>44481</v>
      </c>
      <c r="C120" s="15">
        <v>44481.571435185186</v>
      </c>
      <c r="D120" s="1">
        <v>141</v>
      </c>
      <c r="E120" s="1">
        <v>13.72</v>
      </c>
      <c r="F120" s="1">
        <v>1934.52</v>
      </c>
      <c r="G120" s="1" t="s">
        <v>6</v>
      </c>
    </row>
    <row r="121" spans="2:7" x14ac:dyDescent="0.35">
      <c r="B121" s="16">
        <v>44481</v>
      </c>
      <c r="C121" s="15">
        <v>44481.599398148152</v>
      </c>
      <c r="D121" s="1">
        <v>328</v>
      </c>
      <c r="E121" s="1">
        <v>13.68</v>
      </c>
      <c r="F121" s="1">
        <v>4487.04</v>
      </c>
      <c r="G121" s="1" t="s">
        <v>6</v>
      </c>
    </row>
    <row r="122" spans="2:7" x14ac:dyDescent="0.35">
      <c r="B122" s="16">
        <v>44481</v>
      </c>
      <c r="C122" s="15">
        <v>44481.600023148145</v>
      </c>
      <c r="D122" s="1">
        <v>57</v>
      </c>
      <c r="E122" s="1">
        <v>13.68</v>
      </c>
      <c r="F122" s="1">
        <v>779.76</v>
      </c>
      <c r="G122" s="1" t="s">
        <v>6</v>
      </c>
    </row>
    <row r="123" spans="2:7" x14ac:dyDescent="0.35">
      <c r="B123" s="16">
        <v>44481</v>
      </c>
      <c r="C123" s="15">
        <v>44481.600023148145</v>
      </c>
      <c r="D123" s="1">
        <v>6</v>
      </c>
      <c r="E123" s="1">
        <v>13.68</v>
      </c>
      <c r="F123" s="1">
        <v>82.08</v>
      </c>
      <c r="G123" s="1" t="s">
        <v>6</v>
      </c>
    </row>
    <row r="124" spans="2:7" x14ac:dyDescent="0.35">
      <c r="B124" s="16">
        <v>44481</v>
      </c>
      <c r="C124" s="15">
        <v>44481.600023148145</v>
      </c>
      <c r="D124" s="1">
        <v>152</v>
      </c>
      <c r="E124" s="1">
        <v>13.68</v>
      </c>
      <c r="F124" s="1">
        <v>2079.36</v>
      </c>
      <c r="G124" s="1" t="s">
        <v>6</v>
      </c>
    </row>
    <row r="125" spans="2:7" x14ac:dyDescent="0.35">
      <c r="B125" s="16">
        <v>44481</v>
      </c>
      <c r="C125" s="15">
        <v>44481.600023148145</v>
      </c>
      <c r="D125" s="1">
        <v>260</v>
      </c>
      <c r="E125" s="1">
        <v>13.68</v>
      </c>
      <c r="F125" s="1">
        <v>3556.7999999999997</v>
      </c>
      <c r="G125" s="1" t="s">
        <v>6</v>
      </c>
    </row>
    <row r="126" spans="2:7" x14ac:dyDescent="0.35">
      <c r="B126" s="16">
        <v>44481</v>
      </c>
      <c r="C126" s="15">
        <v>44481.600023148145</v>
      </c>
      <c r="D126" s="1">
        <v>26</v>
      </c>
      <c r="E126" s="1">
        <v>13.68</v>
      </c>
      <c r="F126" s="1">
        <v>355.68</v>
      </c>
      <c r="G126" s="1" t="s">
        <v>6</v>
      </c>
    </row>
    <row r="127" spans="2:7" x14ac:dyDescent="0.35">
      <c r="B127" s="16">
        <v>44481</v>
      </c>
      <c r="C127" s="15">
        <v>44481.600023148145</v>
      </c>
      <c r="D127" s="1">
        <v>135</v>
      </c>
      <c r="E127" s="1">
        <v>13.68</v>
      </c>
      <c r="F127" s="1">
        <v>1846.8</v>
      </c>
      <c r="G127" s="1" t="s">
        <v>6</v>
      </c>
    </row>
    <row r="128" spans="2:7" x14ac:dyDescent="0.35">
      <c r="B128" s="16">
        <v>44481</v>
      </c>
      <c r="C128" s="15">
        <v>44481.600023148145</v>
      </c>
      <c r="D128" s="1">
        <v>135</v>
      </c>
      <c r="E128" s="1">
        <v>13.68</v>
      </c>
      <c r="F128" s="1">
        <v>1846.8</v>
      </c>
      <c r="G128" s="1" t="s">
        <v>6</v>
      </c>
    </row>
    <row r="129" spans="2:7" x14ac:dyDescent="0.35">
      <c r="B129" s="16">
        <v>44481</v>
      </c>
      <c r="C129" s="15">
        <v>44481.600023148145</v>
      </c>
      <c r="D129" s="1">
        <v>286</v>
      </c>
      <c r="E129" s="1">
        <v>13.68</v>
      </c>
      <c r="F129" s="1">
        <v>3912.48</v>
      </c>
      <c r="G129" s="1" t="s">
        <v>6</v>
      </c>
    </row>
    <row r="130" spans="2:7" x14ac:dyDescent="0.35">
      <c r="B130" s="16">
        <v>44481</v>
      </c>
      <c r="C130" s="15">
        <v>44481.616203703707</v>
      </c>
      <c r="D130" s="1">
        <v>327</v>
      </c>
      <c r="E130" s="1">
        <v>13.6</v>
      </c>
      <c r="F130" s="1">
        <v>4447.2</v>
      </c>
      <c r="G130" s="1" t="s">
        <v>6</v>
      </c>
    </row>
    <row r="131" spans="2:7" x14ac:dyDescent="0.35">
      <c r="B131" s="16">
        <v>44481</v>
      </c>
      <c r="C131" s="15">
        <v>44481.636724537035</v>
      </c>
      <c r="D131" s="1">
        <v>326</v>
      </c>
      <c r="E131" s="1">
        <v>13.6</v>
      </c>
      <c r="F131" s="1">
        <v>4433.5999999999995</v>
      </c>
      <c r="G131" s="1" t="s">
        <v>6</v>
      </c>
    </row>
    <row r="132" spans="2:7" x14ac:dyDescent="0.35">
      <c r="B132" s="16">
        <v>44481</v>
      </c>
      <c r="C132" s="15">
        <v>44481.636724537035</v>
      </c>
      <c r="D132" s="1">
        <v>13</v>
      </c>
      <c r="E132" s="1">
        <v>13.6</v>
      </c>
      <c r="F132" s="1">
        <v>176.79999999999998</v>
      </c>
      <c r="G132" s="1" t="s">
        <v>6</v>
      </c>
    </row>
    <row r="133" spans="2:7" x14ac:dyDescent="0.35">
      <c r="B133" s="16">
        <v>44481</v>
      </c>
      <c r="C133" s="15">
        <v>44481.636724537035</v>
      </c>
      <c r="D133" s="1">
        <v>237</v>
      </c>
      <c r="E133" s="1">
        <v>13.6</v>
      </c>
      <c r="F133" s="1">
        <v>3223.2</v>
      </c>
      <c r="G133" s="1" t="s">
        <v>6</v>
      </c>
    </row>
    <row r="134" spans="2:7" x14ac:dyDescent="0.35">
      <c r="B134" s="16">
        <v>44481</v>
      </c>
      <c r="C134" s="15">
        <v>44481.636724537035</v>
      </c>
      <c r="D134" s="1">
        <v>108</v>
      </c>
      <c r="E134" s="1">
        <v>13.6</v>
      </c>
      <c r="F134" s="1">
        <v>1468.8</v>
      </c>
      <c r="G134" s="1" t="s">
        <v>6</v>
      </c>
    </row>
    <row r="135" spans="2:7" x14ac:dyDescent="0.35">
      <c r="B135" s="16">
        <v>44481</v>
      </c>
      <c r="C135" s="15">
        <v>44481.644513888888</v>
      </c>
      <c r="D135" s="1">
        <v>221</v>
      </c>
      <c r="E135" s="1">
        <v>13.6</v>
      </c>
      <c r="F135" s="1">
        <v>3005.6</v>
      </c>
      <c r="G135" s="1" t="s">
        <v>6</v>
      </c>
    </row>
    <row r="136" spans="2:7" x14ac:dyDescent="0.35">
      <c r="B136" s="16">
        <v>44481</v>
      </c>
      <c r="C136" s="15">
        <v>44481.645949074074</v>
      </c>
      <c r="D136" s="1">
        <v>116</v>
      </c>
      <c r="E136" s="1">
        <v>13.6</v>
      </c>
      <c r="F136" s="1">
        <v>1577.6</v>
      </c>
      <c r="G136" s="1" t="s">
        <v>6</v>
      </c>
    </row>
    <row r="137" spans="2:7" x14ac:dyDescent="0.35">
      <c r="B137" s="16">
        <v>44481</v>
      </c>
      <c r="C137" s="15">
        <v>44481.645949074074</v>
      </c>
      <c r="D137" s="1">
        <v>31</v>
      </c>
      <c r="E137" s="1">
        <v>13.6</v>
      </c>
      <c r="F137" s="1">
        <v>421.59999999999997</v>
      </c>
      <c r="G137" s="1" t="s">
        <v>6</v>
      </c>
    </row>
    <row r="138" spans="2:7" x14ac:dyDescent="0.35">
      <c r="B138" s="16">
        <v>44481</v>
      </c>
      <c r="C138" s="15">
        <v>44481.656481481485</v>
      </c>
      <c r="D138" s="1">
        <v>327</v>
      </c>
      <c r="E138" s="1">
        <v>13.6</v>
      </c>
      <c r="F138" s="1">
        <v>4447.2</v>
      </c>
      <c r="G138" s="1" t="s">
        <v>6</v>
      </c>
    </row>
    <row r="139" spans="2:7" x14ac:dyDescent="0.35">
      <c r="B139" s="16">
        <v>44481</v>
      </c>
      <c r="C139" s="15">
        <v>44481.656481481485</v>
      </c>
      <c r="D139" s="1">
        <v>394</v>
      </c>
      <c r="E139" s="1">
        <v>13.6</v>
      </c>
      <c r="F139" s="1">
        <v>5358.4</v>
      </c>
      <c r="G139" s="1" t="s">
        <v>6</v>
      </c>
    </row>
    <row r="140" spans="2:7" x14ac:dyDescent="0.35">
      <c r="B140" s="16">
        <v>44481</v>
      </c>
      <c r="C140" s="15">
        <v>44481.663206018522</v>
      </c>
      <c r="D140" s="1">
        <v>172</v>
      </c>
      <c r="E140" s="1">
        <v>13.6</v>
      </c>
      <c r="F140" s="1">
        <v>2339.1999999999998</v>
      </c>
      <c r="G140" s="1" t="s">
        <v>6</v>
      </c>
    </row>
    <row r="141" spans="2:7" x14ac:dyDescent="0.35">
      <c r="B141" s="16">
        <v>44481</v>
      </c>
      <c r="C141" s="15">
        <v>44481.663206018522</v>
      </c>
      <c r="D141" s="1">
        <v>10</v>
      </c>
      <c r="E141" s="1">
        <v>13.6</v>
      </c>
      <c r="F141" s="1">
        <v>136</v>
      </c>
      <c r="G141" s="1" t="s">
        <v>6</v>
      </c>
    </row>
    <row r="142" spans="2:7" x14ac:dyDescent="0.35">
      <c r="B142" s="16">
        <v>44481</v>
      </c>
      <c r="C142" s="15">
        <v>44481.672893518517</v>
      </c>
      <c r="D142" s="1">
        <v>104</v>
      </c>
      <c r="E142" s="1">
        <v>13.62</v>
      </c>
      <c r="F142" s="1">
        <v>1416.48</v>
      </c>
      <c r="G142" s="1" t="s">
        <v>6</v>
      </c>
    </row>
    <row r="143" spans="2:7" x14ac:dyDescent="0.35">
      <c r="B143" s="16">
        <v>44481</v>
      </c>
      <c r="C143" s="15">
        <v>44481.672893518517</v>
      </c>
      <c r="D143" s="1">
        <v>197</v>
      </c>
      <c r="E143" s="1">
        <v>13.62</v>
      </c>
      <c r="F143" s="1">
        <v>2683.14</v>
      </c>
      <c r="G143" s="1" t="s">
        <v>6</v>
      </c>
    </row>
    <row r="144" spans="2:7" x14ac:dyDescent="0.35">
      <c r="B144" s="16">
        <v>44481</v>
      </c>
      <c r="C144" s="15">
        <v>44481.672893518517</v>
      </c>
      <c r="D144" s="1">
        <v>95</v>
      </c>
      <c r="E144" s="1">
        <v>13.62</v>
      </c>
      <c r="F144" s="1">
        <v>1293.8999999999999</v>
      </c>
      <c r="G144" s="1" t="s">
        <v>6</v>
      </c>
    </row>
    <row r="145" spans="2:7" x14ac:dyDescent="0.35">
      <c r="B145" s="16">
        <v>44481</v>
      </c>
      <c r="C145" s="15">
        <v>44481.678518518522</v>
      </c>
      <c r="D145" s="1">
        <v>751</v>
      </c>
      <c r="E145" s="1">
        <v>13.6</v>
      </c>
      <c r="F145" s="1">
        <v>10213.6</v>
      </c>
      <c r="G145" s="1" t="s">
        <v>6</v>
      </c>
    </row>
    <row r="146" spans="2:7" x14ac:dyDescent="0.35">
      <c r="B146" s="16">
        <v>44481</v>
      </c>
      <c r="C146" s="15">
        <v>44481.678518518522</v>
      </c>
      <c r="D146" s="1">
        <v>83</v>
      </c>
      <c r="E146" s="1">
        <v>13.6</v>
      </c>
      <c r="F146" s="1">
        <v>1128.8</v>
      </c>
      <c r="G146" s="1" t="s">
        <v>6</v>
      </c>
    </row>
    <row r="147" spans="2:7" x14ac:dyDescent="0.35">
      <c r="B147" s="16">
        <v>44481</v>
      </c>
      <c r="C147" s="15">
        <v>44481.680625000001</v>
      </c>
      <c r="D147" s="1">
        <v>105</v>
      </c>
      <c r="E147" s="1">
        <v>13.58</v>
      </c>
      <c r="F147" s="1">
        <v>1425.9</v>
      </c>
      <c r="G147" s="1" t="s">
        <v>6</v>
      </c>
    </row>
    <row r="148" spans="2:7" x14ac:dyDescent="0.35">
      <c r="B148" s="16">
        <v>44481</v>
      </c>
      <c r="C148" s="15">
        <v>44481.686550925922</v>
      </c>
      <c r="D148" s="1">
        <v>137</v>
      </c>
      <c r="E148" s="1">
        <v>13.58</v>
      </c>
      <c r="F148" s="1">
        <v>1860.46</v>
      </c>
      <c r="G148" s="1" t="s">
        <v>6</v>
      </c>
    </row>
    <row r="149" spans="2:7" x14ac:dyDescent="0.35">
      <c r="B149" s="16">
        <v>44481</v>
      </c>
      <c r="C149" s="15">
        <v>44481.687986111108</v>
      </c>
      <c r="D149" s="1">
        <v>130</v>
      </c>
      <c r="E149" s="1">
        <v>13.58</v>
      </c>
      <c r="F149" s="1">
        <v>1765.4</v>
      </c>
      <c r="G149" s="1" t="s">
        <v>6</v>
      </c>
    </row>
    <row r="150" spans="2:7" x14ac:dyDescent="0.35">
      <c r="B150" s="16">
        <v>44481</v>
      </c>
      <c r="C150" s="15">
        <v>44481.701516203706</v>
      </c>
      <c r="D150" s="1">
        <v>133</v>
      </c>
      <c r="E150" s="1">
        <v>13.64</v>
      </c>
      <c r="F150" s="1">
        <v>1814.1200000000001</v>
      </c>
      <c r="G150" s="1" t="s">
        <v>6</v>
      </c>
    </row>
    <row r="151" spans="2:7" x14ac:dyDescent="0.35">
      <c r="B151" s="16">
        <v>44481</v>
      </c>
      <c r="C151" s="15">
        <v>44481.703842592593</v>
      </c>
      <c r="D151" s="1">
        <v>1</v>
      </c>
      <c r="E151" s="1">
        <v>13.64</v>
      </c>
      <c r="F151" s="1">
        <v>13.64</v>
      </c>
      <c r="G151" s="1" t="s">
        <v>6</v>
      </c>
    </row>
    <row r="152" spans="2:7" x14ac:dyDescent="0.35">
      <c r="B152" s="16">
        <v>44481</v>
      </c>
      <c r="C152" s="15">
        <v>44481.703842592593</v>
      </c>
      <c r="D152" s="1">
        <v>2</v>
      </c>
      <c r="E152" s="1">
        <v>13.64</v>
      </c>
      <c r="F152" s="1">
        <v>27.28</v>
      </c>
      <c r="G152" s="1" t="s">
        <v>6</v>
      </c>
    </row>
    <row r="153" spans="2:7" x14ac:dyDescent="0.35">
      <c r="B153" s="16">
        <v>44481</v>
      </c>
      <c r="C153" s="15">
        <v>44481.703842592593</v>
      </c>
      <c r="D153" s="1">
        <v>2</v>
      </c>
      <c r="E153" s="1">
        <v>13.64</v>
      </c>
      <c r="F153" s="1">
        <v>27.28</v>
      </c>
      <c r="G153" s="1" t="s">
        <v>6</v>
      </c>
    </row>
    <row r="154" spans="2:7" x14ac:dyDescent="0.35">
      <c r="B154" s="16">
        <v>44481</v>
      </c>
      <c r="C154" s="15">
        <v>44481.703842592593</v>
      </c>
      <c r="D154" s="1">
        <v>235</v>
      </c>
      <c r="E154" s="1">
        <v>13.64</v>
      </c>
      <c r="F154" s="1">
        <v>3205.4</v>
      </c>
      <c r="G154" s="1" t="s">
        <v>6</v>
      </c>
    </row>
    <row r="155" spans="2:7" x14ac:dyDescent="0.35">
      <c r="B155" s="16">
        <v>44481</v>
      </c>
      <c r="C155" s="15">
        <v>44481.708124999997</v>
      </c>
      <c r="D155" s="1">
        <v>107</v>
      </c>
      <c r="E155" s="1">
        <v>13.66</v>
      </c>
      <c r="F155" s="1">
        <v>1461.6200000000001</v>
      </c>
      <c r="G155" s="1" t="s">
        <v>6</v>
      </c>
    </row>
    <row r="156" spans="2:7" x14ac:dyDescent="0.35">
      <c r="B156" s="16">
        <v>44481</v>
      </c>
      <c r="C156" s="15">
        <v>44481.708124999997</v>
      </c>
      <c r="D156" s="1">
        <v>191</v>
      </c>
      <c r="E156" s="1">
        <v>13.66</v>
      </c>
      <c r="F156" s="1">
        <v>2609.06</v>
      </c>
      <c r="G156" s="1" t="s">
        <v>6</v>
      </c>
    </row>
    <row r="157" spans="2:7" x14ac:dyDescent="0.35">
      <c r="B157" s="16">
        <v>44481</v>
      </c>
      <c r="C157" s="15">
        <v>44481.708124999997</v>
      </c>
      <c r="D157" s="1">
        <v>89</v>
      </c>
      <c r="E157" s="1">
        <v>13.66</v>
      </c>
      <c r="F157" s="1">
        <v>1215.74</v>
      </c>
      <c r="G157" s="1" t="s">
        <v>6</v>
      </c>
    </row>
    <row r="158" spans="2:7" x14ac:dyDescent="0.35">
      <c r="B158" s="16">
        <v>44481</v>
      </c>
      <c r="C158" s="15">
        <v>44481.713506944441</v>
      </c>
      <c r="D158" s="1">
        <v>161</v>
      </c>
      <c r="E158" s="1">
        <v>13.66</v>
      </c>
      <c r="F158" s="1">
        <v>2199.2600000000002</v>
      </c>
      <c r="G158" s="1" t="s">
        <v>6</v>
      </c>
    </row>
    <row r="159" spans="2:7" x14ac:dyDescent="0.35">
      <c r="B159" s="16">
        <v>44481</v>
      </c>
      <c r="C159" s="15">
        <v>44481.713506944441</v>
      </c>
      <c r="D159" s="1">
        <v>54</v>
      </c>
      <c r="E159" s="1">
        <v>13.66</v>
      </c>
      <c r="F159" s="1">
        <v>737.64</v>
      </c>
      <c r="G159" s="1" t="s">
        <v>6</v>
      </c>
    </row>
    <row r="160" spans="2:7" x14ac:dyDescent="0.35">
      <c r="B160" s="16">
        <v>44481</v>
      </c>
      <c r="C160" s="15">
        <v>44481.713506944441</v>
      </c>
      <c r="D160" s="1">
        <v>55</v>
      </c>
      <c r="E160" s="1">
        <v>13.66</v>
      </c>
      <c r="F160" s="1">
        <v>751.3</v>
      </c>
      <c r="G160" s="1" t="s">
        <v>6</v>
      </c>
    </row>
    <row r="161" spans="2:7" x14ac:dyDescent="0.35">
      <c r="B161" s="16">
        <v>44481</v>
      </c>
      <c r="C161" s="15">
        <v>44481.713506944441</v>
      </c>
      <c r="D161" s="1">
        <v>36</v>
      </c>
      <c r="E161" s="1">
        <v>13.66</v>
      </c>
      <c r="F161" s="1">
        <v>491.76</v>
      </c>
      <c r="G161" s="1" t="s">
        <v>6</v>
      </c>
    </row>
    <row r="162" spans="2:7" x14ac:dyDescent="0.35">
      <c r="B162" s="16">
        <v>44481</v>
      </c>
      <c r="C162" s="15">
        <v>44481.716516203705</v>
      </c>
      <c r="D162" s="1">
        <v>174</v>
      </c>
      <c r="E162" s="1">
        <v>13.66</v>
      </c>
      <c r="F162" s="1">
        <v>2376.84</v>
      </c>
      <c r="G162" s="1" t="s">
        <v>6</v>
      </c>
    </row>
    <row r="163" spans="2:7" x14ac:dyDescent="0.35">
      <c r="B163" s="16">
        <v>44481</v>
      </c>
      <c r="C163" s="15">
        <v>44481.720983796295</v>
      </c>
      <c r="D163" s="1">
        <v>10</v>
      </c>
      <c r="E163" s="1">
        <v>13.66</v>
      </c>
      <c r="F163" s="1">
        <v>136.6</v>
      </c>
      <c r="G163" s="1" t="s">
        <v>6</v>
      </c>
    </row>
    <row r="164" spans="2:7" x14ac:dyDescent="0.35">
      <c r="B164" s="16">
        <v>44481</v>
      </c>
      <c r="C164" s="15">
        <v>44481.720983796295</v>
      </c>
      <c r="D164" s="1">
        <v>167</v>
      </c>
      <c r="E164" s="1">
        <v>13.66</v>
      </c>
      <c r="F164" s="1">
        <v>2281.2199999999998</v>
      </c>
      <c r="G164" s="1" t="s">
        <v>6</v>
      </c>
    </row>
    <row r="165" spans="2:7" x14ac:dyDescent="0.35">
      <c r="B165" s="16">
        <v>44481</v>
      </c>
      <c r="C165" s="15">
        <v>44481.720983796295</v>
      </c>
      <c r="D165" s="1">
        <v>96</v>
      </c>
      <c r="E165" s="1">
        <v>13.66</v>
      </c>
      <c r="F165" s="1">
        <v>1311.3600000000001</v>
      </c>
      <c r="G165" s="1" t="s">
        <v>6</v>
      </c>
    </row>
    <row r="166" spans="2:7" x14ac:dyDescent="0.35">
      <c r="B166" s="16">
        <v>44481</v>
      </c>
      <c r="C166" s="15">
        <v>44481.720983796295</v>
      </c>
      <c r="D166" s="1">
        <v>51</v>
      </c>
      <c r="E166" s="1">
        <v>13.66</v>
      </c>
      <c r="F166" s="1">
        <v>696.66</v>
      </c>
      <c r="G166" s="1" t="s">
        <v>6</v>
      </c>
    </row>
    <row r="167" spans="2:7" x14ac:dyDescent="0.35">
      <c r="B167" s="16">
        <v>44481</v>
      </c>
      <c r="C167" s="15">
        <v>44481.720983796295</v>
      </c>
      <c r="D167" s="1">
        <v>34</v>
      </c>
      <c r="E167" s="1">
        <v>13.66</v>
      </c>
      <c r="F167" s="1">
        <v>464.44</v>
      </c>
      <c r="G167" s="1" t="s">
        <v>6</v>
      </c>
    </row>
    <row r="168" spans="2:7" x14ac:dyDescent="0.35">
      <c r="B168" s="16">
        <v>44481</v>
      </c>
      <c r="C168" s="15">
        <v>44481.722025462965</v>
      </c>
      <c r="D168" s="1">
        <v>95</v>
      </c>
      <c r="E168" s="1">
        <v>13.68</v>
      </c>
      <c r="F168" s="1">
        <v>1299.5999999999999</v>
      </c>
      <c r="G168" s="1" t="s">
        <v>6</v>
      </c>
    </row>
    <row r="169" spans="2:7" x14ac:dyDescent="0.35">
      <c r="B169" s="16">
        <v>44481</v>
      </c>
      <c r="C169" s="15">
        <v>44481.722025462965</v>
      </c>
      <c r="D169" s="1">
        <v>143</v>
      </c>
      <c r="E169" s="1">
        <v>13.68</v>
      </c>
      <c r="F169" s="1">
        <v>1956.24</v>
      </c>
      <c r="G169" s="1" t="s">
        <v>6</v>
      </c>
    </row>
    <row r="170" spans="2:7" x14ac:dyDescent="0.35">
      <c r="B170" s="16">
        <v>44481</v>
      </c>
      <c r="C170" s="15">
        <v>44481.722025462965</v>
      </c>
      <c r="D170" s="1">
        <v>51</v>
      </c>
      <c r="E170" s="1">
        <v>13.66</v>
      </c>
      <c r="F170" s="1">
        <v>696.66</v>
      </c>
      <c r="G170" s="1" t="s">
        <v>6</v>
      </c>
    </row>
    <row r="171" spans="2:7" x14ac:dyDescent="0.35">
      <c r="B171" s="16">
        <v>44482</v>
      </c>
      <c r="C171" s="15">
        <v>44482.378472222219</v>
      </c>
      <c r="D171" s="1">
        <v>87</v>
      </c>
      <c r="E171" s="1">
        <v>13.6</v>
      </c>
      <c r="F171" s="1">
        <v>1183.2</v>
      </c>
      <c r="G171" s="1" t="s">
        <v>6</v>
      </c>
    </row>
    <row r="172" spans="2:7" x14ac:dyDescent="0.35">
      <c r="B172" s="16">
        <v>44482</v>
      </c>
      <c r="C172" s="15">
        <v>44482.383217592593</v>
      </c>
      <c r="D172" s="1">
        <v>163</v>
      </c>
      <c r="E172" s="1">
        <v>13.6</v>
      </c>
      <c r="F172" s="1">
        <v>2216.7999999999997</v>
      </c>
      <c r="G172" s="1" t="s">
        <v>6</v>
      </c>
    </row>
    <row r="173" spans="2:7" x14ac:dyDescent="0.35">
      <c r="B173" s="16">
        <v>44482</v>
      </c>
      <c r="C173" s="15">
        <v>44482.383599537039</v>
      </c>
      <c r="D173" s="1">
        <v>78</v>
      </c>
      <c r="E173" s="1">
        <v>13.56</v>
      </c>
      <c r="F173" s="1">
        <v>1057.68</v>
      </c>
      <c r="G173" s="1" t="s">
        <v>6</v>
      </c>
    </row>
    <row r="174" spans="2:7" x14ac:dyDescent="0.35">
      <c r="B174" s="16">
        <v>44482</v>
      </c>
      <c r="C174" s="15">
        <v>44482.383599537039</v>
      </c>
      <c r="D174" s="1">
        <v>443</v>
      </c>
      <c r="E174" s="1">
        <v>13.56</v>
      </c>
      <c r="F174" s="1">
        <v>6007.08</v>
      </c>
      <c r="G174" s="1" t="s">
        <v>6</v>
      </c>
    </row>
    <row r="175" spans="2:7" x14ac:dyDescent="0.35">
      <c r="B175" s="16">
        <v>44482</v>
      </c>
      <c r="C175" s="15">
        <v>44482.383599537039</v>
      </c>
      <c r="D175" s="1">
        <v>137</v>
      </c>
      <c r="E175" s="1">
        <v>13.56</v>
      </c>
      <c r="F175" s="1">
        <v>1857.72</v>
      </c>
      <c r="G175" s="1" t="s">
        <v>6</v>
      </c>
    </row>
    <row r="176" spans="2:7" x14ac:dyDescent="0.35">
      <c r="B176" s="16">
        <v>44482</v>
      </c>
      <c r="C176" s="15">
        <v>44482.383599537039</v>
      </c>
      <c r="D176" s="1">
        <v>443</v>
      </c>
      <c r="E176" s="1">
        <v>13.56</v>
      </c>
      <c r="F176" s="1">
        <v>6007.08</v>
      </c>
      <c r="G176" s="1" t="s">
        <v>6</v>
      </c>
    </row>
    <row r="177" spans="2:7" x14ac:dyDescent="0.35">
      <c r="B177" s="16">
        <v>44482</v>
      </c>
      <c r="C177" s="15">
        <v>44482.389386574076</v>
      </c>
      <c r="D177" s="1">
        <v>368</v>
      </c>
      <c r="E177" s="1">
        <v>13.56</v>
      </c>
      <c r="F177" s="1">
        <v>4990.08</v>
      </c>
      <c r="G177" s="1" t="s">
        <v>6</v>
      </c>
    </row>
    <row r="178" spans="2:7" x14ac:dyDescent="0.35">
      <c r="B178" s="16">
        <v>44482</v>
      </c>
      <c r="C178" s="15">
        <v>44482.402094907404</v>
      </c>
      <c r="D178" s="1">
        <v>269</v>
      </c>
      <c r="E178" s="1">
        <v>13.58</v>
      </c>
      <c r="F178" s="1">
        <v>3653.02</v>
      </c>
      <c r="G178" s="1" t="s">
        <v>6</v>
      </c>
    </row>
    <row r="179" spans="2:7" x14ac:dyDescent="0.35">
      <c r="B179" s="16">
        <v>44482</v>
      </c>
      <c r="C179" s="15">
        <v>44482.402094907404</v>
      </c>
      <c r="D179" s="1">
        <v>28</v>
      </c>
      <c r="E179" s="1">
        <v>13.58</v>
      </c>
      <c r="F179" s="1">
        <v>380.24</v>
      </c>
      <c r="G179" s="1" t="s">
        <v>6</v>
      </c>
    </row>
    <row r="180" spans="2:7" x14ac:dyDescent="0.35">
      <c r="B180" s="16">
        <v>44482</v>
      </c>
      <c r="C180" s="15">
        <v>44482.402094907404</v>
      </c>
      <c r="D180" s="1">
        <v>72</v>
      </c>
      <c r="E180" s="1">
        <v>13.58</v>
      </c>
      <c r="F180" s="1">
        <v>977.76</v>
      </c>
      <c r="G180" s="1" t="s">
        <v>6</v>
      </c>
    </row>
    <row r="181" spans="2:7" x14ac:dyDescent="0.35">
      <c r="B181" s="16">
        <v>44482</v>
      </c>
      <c r="C181" s="15">
        <v>44482.407685185186</v>
      </c>
      <c r="D181" s="1">
        <v>58</v>
      </c>
      <c r="E181" s="1">
        <v>13.6</v>
      </c>
      <c r="F181" s="1">
        <v>788.8</v>
      </c>
      <c r="G181" s="1" t="s">
        <v>6</v>
      </c>
    </row>
    <row r="182" spans="2:7" x14ac:dyDescent="0.35">
      <c r="B182" s="16">
        <v>44482</v>
      </c>
      <c r="C182" s="15">
        <v>44482.407685185186</v>
      </c>
      <c r="D182" s="1">
        <v>317</v>
      </c>
      <c r="E182" s="1">
        <v>13.6</v>
      </c>
      <c r="F182" s="1">
        <v>4311.2</v>
      </c>
      <c r="G182" s="1" t="s">
        <v>6</v>
      </c>
    </row>
    <row r="183" spans="2:7" x14ac:dyDescent="0.35">
      <c r="B183" s="16">
        <v>44482</v>
      </c>
      <c r="C183" s="15">
        <v>44482.432187500002</v>
      </c>
      <c r="D183" s="1">
        <v>254</v>
      </c>
      <c r="E183" s="1">
        <v>13.64</v>
      </c>
      <c r="F183" s="1">
        <v>3464.56</v>
      </c>
      <c r="G183" s="1" t="s">
        <v>6</v>
      </c>
    </row>
    <row r="184" spans="2:7" x14ac:dyDescent="0.35">
      <c r="B184" s="16">
        <v>44482</v>
      </c>
      <c r="C184" s="15">
        <v>44482.432187500002</v>
      </c>
      <c r="D184" s="1">
        <v>72</v>
      </c>
      <c r="E184" s="1">
        <v>13.64</v>
      </c>
      <c r="F184" s="1">
        <v>982.08</v>
      </c>
      <c r="G184" s="1" t="s">
        <v>6</v>
      </c>
    </row>
    <row r="185" spans="2:7" x14ac:dyDescent="0.35">
      <c r="B185" s="16">
        <v>44482</v>
      </c>
      <c r="C185" s="15">
        <v>44482.434212962966</v>
      </c>
      <c r="D185" s="1">
        <v>122</v>
      </c>
      <c r="E185" s="1">
        <v>13.64</v>
      </c>
      <c r="F185" s="1">
        <v>1664.0800000000002</v>
      </c>
      <c r="G185" s="1" t="s">
        <v>6</v>
      </c>
    </row>
    <row r="186" spans="2:7" x14ac:dyDescent="0.35">
      <c r="B186" s="16">
        <v>44482</v>
      </c>
      <c r="C186" s="15">
        <v>44482.434212962966</v>
      </c>
      <c r="D186" s="1">
        <v>257</v>
      </c>
      <c r="E186" s="1">
        <v>13.64</v>
      </c>
      <c r="F186" s="1">
        <v>3505.48</v>
      </c>
      <c r="G186" s="1" t="s">
        <v>6</v>
      </c>
    </row>
    <row r="187" spans="2:7" x14ac:dyDescent="0.35">
      <c r="B187" s="16">
        <v>44482</v>
      </c>
      <c r="C187" s="15">
        <v>44482.442928240744</v>
      </c>
      <c r="D187" s="1">
        <v>394</v>
      </c>
      <c r="E187" s="1">
        <v>13.64</v>
      </c>
      <c r="F187" s="1">
        <v>5374.16</v>
      </c>
      <c r="G187" s="1" t="s">
        <v>6</v>
      </c>
    </row>
    <row r="188" spans="2:7" x14ac:dyDescent="0.35">
      <c r="B188" s="16">
        <v>44482</v>
      </c>
      <c r="C188" s="15">
        <v>44482.443541666667</v>
      </c>
      <c r="D188" s="1">
        <v>202</v>
      </c>
      <c r="E188" s="1">
        <v>13.62</v>
      </c>
      <c r="F188" s="1">
        <v>2751.24</v>
      </c>
      <c r="G188" s="1" t="s">
        <v>6</v>
      </c>
    </row>
    <row r="189" spans="2:7" x14ac:dyDescent="0.35">
      <c r="B189" s="16">
        <v>44482</v>
      </c>
      <c r="C189" s="15">
        <v>44482.443541666667</v>
      </c>
      <c r="D189" s="1">
        <v>699</v>
      </c>
      <c r="E189" s="1">
        <v>13.62</v>
      </c>
      <c r="F189" s="1">
        <v>9520.3799999999992</v>
      </c>
      <c r="G189" s="1" t="s">
        <v>6</v>
      </c>
    </row>
    <row r="190" spans="2:7" x14ac:dyDescent="0.35">
      <c r="B190" s="16">
        <v>44482</v>
      </c>
      <c r="C190" s="15">
        <v>44482.443541666667</v>
      </c>
      <c r="D190" s="1">
        <v>170</v>
      </c>
      <c r="E190" s="1">
        <v>13.62</v>
      </c>
      <c r="F190" s="1">
        <v>2315.4</v>
      </c>
      <c r="G190" s="1" t="s">
        <v>6</v>
      </c>
    </row>
    <row r="191" spans="2:7" x14ac:dyDescent="0.35">
      <c r="B191" s="16">
        <v>44482</v>
      </c>
      <c r="C191" s="15">
        <v>44482.461701388886</v>
      </c>
      <c r="D191" s="1">
        <v>24</v>
      </c>
      <c r="E191" s="1">
        <v>13.6</v>
      </c>
      <c r="F191" s="1">
        <v>326.39999999999998</v>
      </c>
      <c r="G191" s="1" t="s">
        <v>6</v>
      </c>
    </row>
    <row r="192" spans="2:7" x14ac:dyDescent="0.35">
      <c r="B192" s="16">
        <v>44482</v>
      </c>
      <c r="C192" s="15">
        <v>44482.461701388886</v>
      </c>
      <c r="D192" s="1">
        <v>369</v>
      </c>
      <c r="E192" s="1">
        <v>13.6</v>
      </c>
      <c r="F192" s="1">
        <v>5018.3999999999996</v>
      </c>
      <c r="G192" s="1" t="s">
        <v>6</v>
      </c>
    </row>
    <row r="193" spans="2:7" x14ac:dyDescent="0.35">
      <c r="B193" s="16">
        <v>44482</v>
      </c>
      <c r="C193" s="15">
        <v>44482.468321759261</v>
      </c>
      <c r="D193" s="1">
        <v>373</v>
      </c>
      <c r="E193" s="1">
        <v>13.54</v>
      </c>
      <c r="F193" s="1">
        <v>5050.42</v>
      </c>
      <c r="G193" s="1" t="s">
        <v>6</v>
      </c>
    </row>
    <row r="194" spans="2:7" x14ac:dyDescent="0.35">
      <c r="B194" s="16">
        <v>44482</v>
      </c>
      <c r="C194" s="15">
        <v>44482.468321759261</v>
      </c>
      <c r="D194" s="1">
        <v>7</v>
      </c>
      <c r="E194" s="1">
        <v>13.54</v>
      </c>
      <c r="F194" s="1">
        <v>94.78</v>
      </c>
      <c r="G194" s="1" t="s">
        <v>6</v>
      </c>
    </row>
    <row r="195" spans="2:7" x14ac:dyDescent="0.35">
      <c r="B195" s="16">
        <v>44482</v>
      </c>
      <c r="C195" s="15">
        <v>44482.500972222224</v>
      </c>
      <c r="D195" s="1">
        <v>220</v>
      </c>
      <c r="E195" s="1">
        <v>13.54</v>
      </c>
      <c r="F195" s="1">
        <v>2978.7999999999997</v>
      </c>
      <c r="G195" s="1" t="s">
        <v>6</v>
      </c>
    </row>
    <row r="196" spans="2:7" x14ac:dyDescent="0.35">
      <c r="B196" s="16">
        <v>44482</v>
      </c>
      <c r="C196" s="15">
        <v>44482.500972222224</v>
      </c>
      <c r="D196" s="1">
        <v>129</v>
      </c>
      <c r="E196" s="1">
        <v>13.54</v>
      </c>
      <c r="F196" s="1">
        <v>1746.6599999999999</v>
      </c>
      <c r="G196" s="1" t="s">
        <v>6</v>
      </c>
    </row>
    <row r="197" spans="2:7" x14ac:dyDescent="0.35">
      <c r="B197" s="16">
        <v>44482</v>
      </c>
      <c r="C197" s="15">
        <v>44482.511203703703</v>
      </c>
      <c r="D197" s="1">
        <v>296</v>
      </c>
      <c r="E197" s="1">
        <v>13.56</v>
      </c>
      <c r="F197" s="1">
        <v>4013.76</v>
      </c>
      <c r="G197" s="1" t="s">
        <v>6</v>
      </c>
    </row>
    <row r="198" spans="2:7" x14ac:dyDescent="0.35">
      <c r="B198" s="16">
        <v>44482</v>
      </c>
      <c r="C198" s="15">
        <v>44482.511203703703</v>
      </c>
      <c r="D198" s="1">
        <v>81</v>
      </c>
      <c r="E198" s="1">
        <v>13.56</v>
      </c>
      <c r="F198" s="1">
        <v>1098.3600000000001</v>
      </c>
      <c r="G198" s="1" t="s">
        <v>6</v>
      </c>
    </row>
    <row r="199" spans="2:7" x14ac:dyDescent="0.35">
      <c r="B199" s="16">
        <v>44482</v>
      </c>
      <c r="C199" s="15">
        <v>44482.522037037037</v>
      </c>
      <c r="D199" s="1">
        <v>356</v>
      </c>
      <c r="E199" s="1">
        <v>13.56</v>
      </c>
      <c r="F199" s="1">
        <v>4827.3600000000006</v>
      </c>
      <c r="G199" s="1" t="s">
        <v>6</v>
      </c>
    </row>
    <row r="200" spans="2:7" x14ac:dyDescent="0.35">
      <c r="B200" s="16">
        <v>44482</v>
      </c>
      <c r="C200" s="15">
        <v>44482.533032407409</v>
      </c>
      <c r="D200" s="1">
        <v>352</v>
      </c>
      <c r="E200" s="1">
        <v>13.56</v>
      </c>
      <c r="F200" s="1">
        <v>4773.12</v>
      </c>
      <c r="G200" s="1" t="s">
        <v>6</v>
      </c>
    </row>
    <row r="201" spans="2:7" x14ac:dyDescent="0.35">
      <c r="B201" s="16">
        <v>44482</v>
      </c>
      <c r="C201" s="15">
        <v>44482.536782407406</v>
      </c>
      <c r="D201" s="1">
        <v>41</v>
      </c>
      <c r="E201" s="1">
        <v>13.52</v>
      </c>
      <c r="F201" s="1">
        <v>554.31999999999994</v>
      </c>
      <c r="G201" s="1" t="s">
        <v>6</v>
      </c>
    </row>
    <row r="202" spans="2:7" x14ac:dyDescent="0.35">
      <c r="B202" s="16">
        <v>44482</v>
      </c>
      <c r="C202" s="15">
        <v>44482.536782407406</v>
      </c>
      <c r="D202" s="1">
        <v>418</v>
      </c>
      <c r="E202" s="1">
        <v>13.52</v>
      </c>
      <c r="F202" s="1">
        <v>5651.36</v>
      </c>
      <c r="G202" s="1" t="s">
        <v>6</v>
      </c>
    </row>
    <row r="203" spans="2:7" x14ac:dyDescent="0.35">
      <c r="B203" s="16">
        <v>44482</v>
      </c>
      <c r="C203" s="15">
        <v>44482.536782407406</v>
      </c>
      <c r="D203" s="1">
        <v>157</v>
      </c>
      <c r="E203" s="1">
        <v>13.52</v>
      </c>
      <c r="F203" s="1">
        <v>2122.64</v>
      </c>
      <c r="G203" s="1" t="s">
        <v>6</v>
      </c>
    </row>
    <row r="204" spans="2:7" x14ac:dyDescent="0.35">
      <c r="B204" s="16">
        <v>44482</v>
      </c>
      <c r="C204" s="15">
        <v>44482.536782407406</v>
      </c>
      <c r="D204" s="1">
        <v>140</v>
      </c>
      <c r="E204" s="1">
        <v>13.52</v>
      </c>
      <c r="F204" s="1">
        <v>1892.8</v>
      </c>
      <c r="G204" s="1" t="s">
        <v>6</v>
      </c>
    </row>
    <row r="205" spans="2:7" x14ac:dyDescent="0.35">
      <c r="B205" s="16">
        <v>44482</v>
      </c>
      <c r="C205" s="15">
        <v>44482.536782407406</v>
      </c>
      <c r="D205" s="1">
        <v>166</v>
      </c>
      <c r="E205" s="1">
        <v>13.52</v>
      </c>
      <c r="F205" s="1">
        <v>2244.3199999999997</v>
      </c>
      <c r="G205" s="1" t="s">
        <v>6</v>
      </c>
    </row>
    <row r="206" spans="2:7" x14ac:dyDescent="0.35">
      <c r="B206" s="16">
        <v>44482</v>
      </c>
      <c r="C206" s="15">
        <v>44482.536782407406</v>
      </c>
      <c r="D206" s="1">
        <v>112</v>
      </c>
      <c r="E206" s="1">
        <v>13.52</v>
      </c>
      <c r="F206" s="1">
        <v>1514.24</v>
      </c>
      <c r="G206" s="1" t="s">
        <v>6</v>
      </c>
    </row>
    <row r="207" spans="2:7" x14ac:dyDescent="0.35">
      <c r="B207" s="16">
        <v>44482</v>
      </c>
      <c r="C207" s="15">
        <v>44482.565451388888</v>
      </c>
      <c r="D207" s="1">
        <v>546</v>
      </c>
      <c r="E207" s="1">
        <v>13.54</v>
      </c>
      <c r="F207" s="1">
        <v>7392.8399999999992</v>
      </c>
      <c r="G207" s="1" t="s">
        <v>6</v>
      </c>
    </row>
    <row r="208" spans="2:7" x14ac:dyDescent="0.35">
      <c r="B208" s="16">
        <v>44482</v>
      </c>
      <c r="C208" s="15">
        <v>44482.565451388888</v>
      </c>
      <c r="D208" s="1">
        <v>127</v>
      </c>
      <c r="E208" s="1">
        <v>13.54</v>
      </c>
      <c r="F208" s="1">
        <v>1719.58</v>
      </c>
      <c r="G208" s="1" t="s">
        <v>6</v>
      </c>
    </row>
    <row r="209" spans="2:7" x14ac:dyDescent="0.35">
      <c r="B209" s="16">
        <v>44482</v>
      </c>
      <c r="C209" s="15">
        <v>44482.595266203702</v>
      </c>
      <c r="D209" s="1">
        <v>46</v>
      </c>
      <c r="E209" s="1">
        <v>13.54</v>
      </c>
      <c r="F209" s="1">
        <v>622.83999999999992</v>
      </c>
      <c r="G209" s="1" t="s">
        <v>6</v>
      </c>
    </row>
    <row r="210" spans="2:7" x14ac:dyDescent="0.35">
      <c r="B210" s="16">
        <v>44482</v>
      </c>
      <c r="C210" s="15">
        <v>44482.595266203702</v>
      </c>
      <c r="D210" s="1">
        <v>150</v>
      </c>
      <c r="E210" s="1">
        <v>13.54</v>
      </c>
      <c r="F210" s="1">
        <v>2030.9999999999998</v>
      </c>
      <c r="G210" s="1" t="s">
        <v>6</v>
      </c>
    </row>
    <row r="211" spans="2:7" x14ac:dyDescent="0.35">
      <c r="B211" s="16">
        <v>44482</v>
      </c>
      <c r="C211" s="15">
        <v>44482.595266203702</v>
      </c>
      <c r="D211" s="1">
        <v>98</v>
      </c>
      <c r="E211" s="1">
        <v>13.54</v>
      </c>
      <c r="F211" s="1">
        <v>1326.9199999999998</v>
      </c>
      <c r="G211" s="1" t="s">
        <v>6</v>
      </c>
    </row>
    <row r="212" spans="2:7" x14ac:dyDescent="0.35">
      <c r="B212" s="16">
        <v>44482</v>
      </c>
      <c r="C212" s="15">
        <v>44482.595266203702</v>
      </c>
      <c r="D212" s="1">
        <v>48</v>
      </c>
      <c r="E212" s="1">
        <v>13.54</v>
      </c>
      <c r="F212" s="1">
        <v>649.91999999999996</v>
      </c>
      <c r="G212" s="1" t="s">
        <v>6</v>
      </c>
    </row>
    <row r="213" spans="2:7" x14ac:dyDescent="0.35">
      <c r="B213" s="16">
        <v>44482</v>
      </c>
      <c r="C213" s="15">
        <v>44482.604259259257</v>
      </c>
      <c r="D213" s="1">
        <v>140</v>
      </c>
      <c r="E213" s="1">
        <v>13.54</v>
      </c>
      <c r="F213" s="1">
        <v>1895.6</v>
      </c>
      <c r="G213" s="1" t="s">
        <v>6</v>
      </c>
    </row>
    <row r="214" spans="2:7" x14ac:dyDescent="0.35">
      <c r="B214" s="16">
        <v>44482</v>
      </c>
      <c r="C214" s="15">
        <v>44482.604259259257</v>
      </c>
      <c r="D214" s="1">
        <v>195</v>
      </c>
      <c r="E214" s="1">
        <v>13.54</v>
      </c>
      <c r="F214" s="1">
        <v>2640.2999999999997</v>
      </c>
      <c r="G214" s="1" t="s">
        <v>6</v>
      </c>
    </row>
    <row r="215" spans="2:7" x14ac:dyDescent="0.35">
      <c r="B215" s="16">
        <v>44482</v>
      </c>
      <c r="C215" s="15">
        <v>44482.606365740743</v>
      </c>
      <c r="D215" s="1">
        <v>495</v>
      </c>
      <c r="E215" s="1">
        <v>13.56</v>
      </c>
      <c r="F215" s="1">
        <v>6712.2</v>
      </c>
      <c r="G215" s="1" t="s">
        <v>6</v>
      </c>
    </row>
    <row r="216" spans="2:7" x14ac:dyDescent="0.35">
      <c r="B216" s="16">
        <v>44482</v>
      </c>
      <c r="C216" s="15">
        <v>44482.606365740743</v>
      </c>
      <c r="D216" s="1">
        <v>53</v>
      </c>
      <c r="E216" s="1">
        <v>13.56</v>
      </c>
      <c r="F216" s="1">
        <v>718.68000000000006</v>
      </c>
      <c r="G216" s="1" t="s">
        <v>6</v>
      </c>
    </row>
    <row r="217" spans="2:7" x14ac:dyDescent="0.35">
      <c r="B217" s="16">
        <v>44482</v>
      </c>
      <c r="C217" s="15">
        <v>44482.606365740743</v>
      </c>
      <c r="D217" s="1">
        <v>250</v>
      </c>
      <c r="E217" s="1">
        <v>13.56</v>
      </c>
      <c r="F217" s="1">
        <v>3390</v>
      </c>
      <c r="G217" s="1" t="s">
        <v>6</v>
      </c>
    </row>
    <row r="218" spans="2:7" x14ac:dyDescent="0.35">
      <c r="B218" s="16">
        <v>44482</v>
      </c>
      <c r="C218" s="15">
        <v>44482.606365740743</v>
      </c>
      <c r="D218" s="1">
        <v>147</v>
      </c>
      <c r="E218" s="1">
        <v>13.56</v>
      </c>
      <c r="F218" s="1">
        <v>1993.3200000000002</v>
      </c>
      <c r="G218" s="1" t="s">
        <v>6</v>
      </c>
    </row>
    <row r="219" spans="2:7" x14ac:dyDescent="0.35">
      <c r="B219" s="16">
        <v>44482</v>
      </c>
      <c r="C219" s="15">
        <v>44482.6171412037</v>
      </c>
      <c r="D219" s="1">
        <v>361</v>
      </c>
      <c r="E219" s="1">
        <v>13.5</v>
      </c>
      <c r="F219" s="1">
        <v>4873.5</v>
      </c>
      <c r="G219" s="1" t="s">
        <v>6</v>
      </c>
    </row>
    <row r="220" spans="2:7" x14ac:dyDescent="0.35">
      <c r="B220" s="16">
        <v>44482</v>
      </c>
      <c r="C220" s="15">
        <v>44482.644930555558</v>
      </c>
      <c r="D220" s="1">
        <v>262</v>
      </c>
      <c r="E220" s="1">
        <v>13.56</v>
      </c>
      <c r="F220" s="1">
        <v>3552.7200000000003</v>
      </c>
      <c r="G220" s="1" t="s">
        <v>6</v>
      </c>
    </row>
    <row r="221" spans="2:7" x14ac:dyDescent="0.35">
      <c r="B221" s="16">
        <v>44482</v>
      </c>
      <c r="C221" s="15">
        <v>44482.644930555558</v>
      </c>
      <c r="D221" s="1">
        <v>70</v>
      </c>
      <c r="E221" s="1">
        <v>13.56</v>
      </c>
      <c r="F221" s="1">
        <v>949.2</v>
      </c>
      <c r="G221" s="1" t="s">
        <v>6</v>
      </c>
    </row>
    <row r="222" spans="2:7" x14ac:dyDescent="0.35">
      <c r="B222" s="16">
        <v>44482</v>
      </c>
      <c r="C222" s="15">
        <v>44482.649733796294</v>
      </c>
      <c r="D222" s="1">
        <v>29</v>
      </c>
      <c r="E222" s="1">
        <v>13.56</v>
      </c>
      <c r="F222" s="1">
        <v>393.24</v>
      </c>
      <c r="G222" s="1" t="s">
        <v>6</v>
      </c>
    </row>
    <row r="223" spans="2:7" x14ac:dyDescent="0.35">
      <c r="B223" s="16">
        <v>44482</v>
      </c>
      <c r="C223" s="15">
        <v>44482.649733796294</v>
      </c>
      <c r="D223" s="1">
        <v>120</v>
      </c>
      <c r="E223" s="1">
        <v>13.56</v>
      </c>
      <c r="F223" s="1">
        <v>1627.2</v>
      </c>
      <c r="G223" s="1" t="s">
        <v>6</v>
      </c>
    </row>
    <row r="224" spans="2:7" x14ac:dyDescent="0.35">
      <c r="B224" s="16">
        <v>44482</v>
      </c>
      <c r="C224" s="15">
        <v>44482.649733796294</v>
      </c>
      <c r="D224" s="1">
        <v>151</v>
      </c>
      <c r="E224" s="1">
        <v>13.56</v>
      </c>
      <c r="F224" s="1">
        <v>2047.5600000000002</v>
      </c>
      <c r="G224" s="1" t="s">
        <v>6</v>
      </c>
    </row>
    <row r="225" spans="2:7" x14ac:dyDescent="0.35">
      <c r="B225" s="16">
        <v>44482</v>
      </c>
      <c r="C225" s="15">
        <v>44482.649733796294</v>
      </c>
      <c r="D225" s="1">
        <v>89</v>
      </c>
      <c r="E225" s="1">
        <v>13.56</v>
      </c>
      <c r="F225" s="1">
        <v>1206.8400000000001</v>
      </c>
      <c r="G225" s="1" t="s">
        <v>6</v>
      </c>
    </row>
    <row r="226" spans="2:7" x14ac:dyDescent="0.35">
      <c r="B226" s="16">
        <v>44482</v>
      </c>
      <c r="C226" s="15">
        <v>44482.655393518522</v>
      </c>
      <c r="D226" s="1">
        <v>189</v>
      </c>
      <c r="E226" s="1">
        <v>13.56</v>
      </c>
      <c r="F226" s="1">
        <v>2562.84</v>
      </c>
      <c r="G226" s="1" t="s">
        <v>6</v>
      </c>
    </row>
    <row r="227" spans="2:7" x14ac:dyDescent="0.35">
      <c r="B227" s="16">
        <v>44482</v>
      </c>
      <c r="C227" s="15">
        <v>44482.655393518522</v>
      </c>
      <c r="D227" s="1">
        <v>172</v>
      </c>
      <c r="E227" s="1">
        <v>13.56</v>
      </c>
      <c r="F227" s="1">
        <v>2332.3200000000002</v>
      </c>
      <c r="G227" s="1" t="s">
        <v>6</v>
      </c>
    </row>
    <row r="228" spans="2:7" x14ac:dyDescent="0.35">
      <c r="B228" s="16">
        <v>44482</v>
      </c>
      <c r="C228" s="15">
        <v>44482.661562499998</v>
      </c>
      <c r="D228" s="1">
        <v>318</v>
      </c>
      <c r="E228" s="1">
        <v>13.56</v>
      </c>
      <c r="F228" s="1">
        <v>4312.08</v>
      </c>
      <c r="G228" s="1" t="s">
        <v>6</v>
      </c>
    </row>
    <row r="229" spans="2:7" x14ac:dyDescent="0.35">
      <c r="B229" s="16">
        <v>44482</v>
      </c>
      <c r="C229" s="15">
        <v>44482.661562499998</v>
      </c>
      <c r="D229" s="1">
        <v>36</v>
      </c>
      <c r="E229" s="1">
        <v>13.56</v>
      </c>
      <c r="F229" s="1">
        <v>488.16</v>
      </c>
      <c r="G229" s="1" t="s">
        <v>6</v>
      </c>
    </row>
    <row r="230" spans="2:7" x14ac:dyDescent="0.35">
      <c r="B230" s="16">
        <v>44482</v>
      </c>
      <c r="C230" s="15">
        <v>44482.667118055557</v>
      </c>
      <c r="D230" s="1">
        <v>48</v>
      </c>
      <c r="E230" s="1">
        <v>13.56</v>
      </c>
      <c r="F230" s="1">
        <v>650.88</v>
      </c>
      <c r="G230" s="1" t="s">
        <v>6</v>
      </c>
    </row>
    <row r="231" spans="2:7" x14ac:dyDescent="0.35">
      <c r="B231" s="16">
        <v>44482</v>
      </c>
      <c r="C231" s="15">
        <v>44482.667118055557</v>
      </c>
      <c r="D231" s="1">
        <v>120</v>
      </c>
      <c r="E231" s="1">
        <v>13.56</v>
      </c>
      <c r="F231" s="1">
        <v>1627.2</v>
      </c>
      <c r="G231" s="1" t="s">
        <v>6</v>
      </c>
    </row>
    <row r="232" spans="2:7" x14ac:dyDescent="0.35">
      <c r="B232" s="16">
        <v>44482</v>
      </c>
      <c r="C232" s="15">
        <v>44482.667118055557</v>
      </c>
      <c r="D232" s="1">
        <v>206</v>
      </c>
      <c r="E232" s="1">
        <v>13.56</v>
      </c>
      <c r="F232" s="1">
        <v>2793.36</v>
      </c>
      <c r="G232" s="1" t="s">
        <v>6</v>
      </c>
    </row>
    <row r="233" spans="2:7" x14ac:dyDescent="0.35">
      <c r="B233" s="16">
        <v>44482</v>
      </c>
      <c r="C233" s="15">
        <v>44482.673530092594</v>
      </c>
      <c r="D233" s="1">
        <v>239</v>
      </c>
      <c r="E233" s="1">
        <v>13.56</v>
      </c>
      <c r="F233" s="1">
        <v>3240.84</v>
      </c>
      <c r="G233" s="1" t="s">
        <v>6</v>
      </c>
    </row>
    <row r="234" spans="2:7" x14ac:dyDescent="0.35">
      <c r="B234" s="16">
        <v>44482</v>
      </c>
      <c r="C234" s="15">
        <v>44482.673530092594</v>
      </c>
      <c r="D234" s="1">
        <v>91</v>
      </c>
      <c r="E234" s="1">
        <v>13.56</v>
      </c>
      <c r="F234" s="1">
        <v>1233.96</v>
      </c>
      <c r="G234" s="1" t="s">
        <v>6</v>
      </c>
    </row>
    <row r="235" spans="2:7" x14ac:dyDescent="0.35">
      <c r="B235" s="16">
        <v>44482</v>
      </c>
      <c r="C235" s="15">
        <v>44482.679398148146</v>
      </c>
      <c r="D235" s="1">
        <v>28</v>
      </c>
      <c r="E235" s="1">
        <v>13.56</v>
      </c>
      <c r="F235" s="1">
        <v>379.68</v>
      </c>
      <c r="G235" s="1" t="s">
        <v>6</v>
      </c>
    </row>
    <row r="236" spans="2:7" x14ac:dyDescent="0.35">
      <c r="B236" s="16">
        <v>44482</v>
      </c>
      <c r="C236" s="15">
        <v>44482.679398148146</v>
      </c>
      <c r="D236" s="1">
        <v>250</v>
      </c>
      <c r="E236" s="1">
        <v>13.56</v>
      </c>
      <c r="F236" s="1">
        <v>3390</v>
      </c>
      <c r="G236" s="1" t="s">
        <v>6</v>
      </c>
    </row>
    <row r="237" spans="2:7" x14ac:dyDescent="0.35">
      <c r="B237" s="16">
        <v>44482</v>
      </c>
      <c r="C237" s="15">
        <v>44482.679398148146</v>
      </c>
      <c r="D237" s="1">
        <v>102</v>
      </c>
      <c r="E237" s="1">
        <v>13.56</v>
      </c>
      <c r="F237" s="1">
        <v>1383.1200000000001</v>
      </c>
      <c r="G237" s="1" t="s">
        <v>6</v>
      </c>
    </row>
    <row r="238" spans="2:7" x14ac:dyDescent="0.35">
      <c r="B238" s="16">
        <v>44482</v>
      </c>
      <c r="C238" s="15">
        <v>44482.679814814815</v>
      </c>
      <c r="D238" s="1">
        <v>124</v>
      </c>
      <c r="E238" s="1">
        <v>13.52</v>
      </c>
      <c r="F238" s="1">
        <v>1676.48</v>
      </c>
      <c r="G238" s="1" t="s">
        <v>6</v>
      </c>
    </row>
    <row r="239" spans="2:7" x14ac:dyDescent="0.35">
      <c r="B239" s="16">
        <v>44482</v>
      </c>
      <c r="C239" s="15">
        <v>44482.679814814815</v>
      </c>
      <c r="D239" s="1">
        <v>373</v>
      </c>
      <c r="E239" s="1">
        <v>13.52</v>
      </c>
      <c r="F239" s="1">
        <v>5042.96</v>
      </c>
      <c r="G239" s="1" t="s">
        <v>6</v>
      </c>
    </row>
    <row r="240" spans="2:7" x14ac:dyDescent="0.35">
      <c r="B240" s="16">
        <v>44482</v>
      </c>
      <c r="C240" s="15">
        <v>44482.679814814815</v>
      </c>
      <c r="D240" s="1">
        <v>257</v>
      </c>
      <c r="E240" s="1">
        <v>13.52</v>
      </c>
      <c r="F240" s="1">
        <v>3474.64</v>
      </c>
      <c r="G240" s="1" t="s">
        <v>6</v>
      </c>
    </row>
    <row r="241" spans="2:7" x14ac:dyDescent="0.35">
      <c r="B241" s="16">
        <v>44482</v>
      </c>
      <c r="C241" s="15">
        <v>44482.679814814815</v>
      </c>
      <c r="D241" s="1">
        <v>320</v>
      </c>
      <c r="E241" s="1">
        <v>13.52</v>
      </c>
      <c r="F241" s="1">
        <v>4326.3999999999996</v>
      </c>
      <c r="G241" s="1" t="s">
        <v>6</v>
      </c>
    </row>
    <row r="242" spans="2:7" x14ac:dyDescent="0.35">
      <c r="B242" s="16">
        <v>44482</v>
      </c>
      <c r="C242" s="15">
        <v>44482.705925925926</v>
      </c>
      <c r="D242" s="1">
        <v>176</v>
      </c>
      <c r="E242" s="1">
        <v>13.52</v>
      </c>
      <c r="F242" s="1">
        <v>2379.52</v>
      </c>
      <c r="G242" s="1" t="s">
        <v>6</v>
      </c>
    </row>
    <row r="243" spans="2:7" x14ac:dyDescent="0.35">
      <c r="B243" s="16">
        <v>44482</v>
      </c>
      <c r="C243" s="15">
        <v>44482.705925925926</v>
      </c>
      <c r="D243" s="1">
        <v>34</v>
      </c>
      <c r="E243" s="1">
        <v>13.52</v>
      </c>
      <c r="F243" s="1">
        <v>459.68</v>
      </c>
      <c r="G243" s="1" t="s">
        <v>6</v>
      </c>
    </row>
    <row r="244" spans="2:7" x14ac:dyDescent="0.35">
      <c r="B244" s="16">
        <v>44482</v>
      </c>
      <c r="C244" s="15">
        <v>44482.705925925926</v>
      </c>
      <c r="D244" s="1">
        <v>133</v>
      </c>
      <c r="E244" s="1">
        <v>13.52</v>
      </c>
      <c r="F244" s="1">
        <v>1798.1599999999999</v>
      </c>
      <c r="G244" s="1" t="s">
        <v>6</v>
      </c>
    </row>
    <row r="245" spans="2:7" x14ac:dyDescent="0.35">
      <c r="B245" s="16">
        <v>44482</v>
      </c>
      <c r="C245" s="15">
        <v>44482.709953703707</v>
      </c>
      <c r="D245" s="1">
        <v>336</v>
      </c>
      <c r="E245" s="1">
        <v>13.52</v>
      </c>
      <c r="F245" s="1">
        <v>4542.72</v>
      </c>
      <c r="G245" s="1" t="s">
        <v>6</v>
      </c>
    </row>
    <row r="246" spans="2:7" x14ac:dyDescent="0.35">
      <c r="B246" s="16">
        <v>44482</v>
      </c>
      <c r="C246" s="15">
        <v>44482.713599537034</v>
      </c>
      <c r="D246" s="1">
        <v>60</v>
      </c>
      <c r="E246" s="1">
        <v>13.54</v>
      </c>
      <c r="F246" s="1">
        <v>812.4</v>
      </c>
      <c r="G246" s="1" t="s">
        <v>6</v>
      </c>
    </row>
    <row r="247" spans="2:7" x14ac:dyDescent="0.35">
      <c r="B247" s="16">
        <v>44482</v>
      </c>
      <c r="C247" s="15">
        <v>44482.713599537034</v>
      </c>
      <c r="D247" s="1">
        <v>358</v>
      </c>
      <c r="E247" s="1">
        <v>13.54</v>
      </c>
      <c r="F247" s="1">
        <v>4847.32</v>
      </c>
      <c r="G247" s="1" t="s">
        <v>6</v>
      </c>
    </row>
    <row r="248" spans="2:7" x14ac:dyDescent="0.35">
      <c r="B248" s="16">
        <v>44482</v>
      </c>
      <c r="C248" s="15">
        <v>44482.713599537034</v>
      </c>
      <c r="D248" s="1">
        <v>170</v>
      </c>
      <c r="E248" s="1">
        <v>13.54</v>
      </c>
      <c r="F248" s="1">
        <v>2301.7999999999997</v>
      </c>
      <c r="G248" s="1" t="s">
        <v>6</v>
      </c>
    </row>
    <row r="249" spans="2:7" x14ac:dyDescent="0.35">
      <c r="B249" s="16">
        <v>44482</v>
      </c>
      <c r="C249" s="15">
        <v>44482.713599537034</v>
      </c>
      <c r="D249" s="1">
        <v>109</v>
      </c>
      <c r="E249" s="1">
        <v>13.54</v>
      </c>
      <c r="F249" s="1">
        <v>1475.86</v>
      </c>
      <c r="G249" s="1" t="s">
        <v>6</v>
      </c>
    </row>
    <row r="250" spans="2:7" x14ac:dyDescent="0.35">
      <c r="B250" s="16">
        <v>44483</v>
      </c>
      <c r="C250" s="15">
        <v>44483.378472222219</v>
      </c>
      <c r="D250" s="1">
        <v>95</v>
      </c>
      <c r="E250" s="1">
        <v>13.64</v>
      </c>
      <c r="F250" s="1">
        <v>1295.8</v>
      </c>
      <c r="G250" s="1" t="s">
        <v>6</v>
      </c>
    </row>
    <row r="251" spans="2:7" x14ac:dyDescent="0.35">
      <c r="B251" s="16">
        <v>44483</v>
      </c>
      <c r="C251" s="15">
        <v>44483.383252314816</v>
      </c>
      <c r="D251" s="1">
        <v>59</v>
      </c>
      <c r="E251" s="1">
        <v>13.62</v>
      </c>
      <c r="F251" s="1">
        <v>803.57999999999993</v>
      </c>
      <c r="G251" s="1" t="s">
        <v>6</v>
      </c>
    </row>
    <row r="252" spans="2:7" x14ac:dyDescent="0.35">
      <c r="B252" s="16">
        <v>44483</v>
      </c>
      <c r="C252" s="15">
        <v>44483.383252314816</v>
      </c>
      <c r="D252" s="1">
        <v>76</v>
      </c>
      <c r="E252" s="1">
        <v>13.62</v>
      </c>
      <c r="F252" s="1">
        <v>1035.1199999999999</v>
      </c>
      <c r="G252" s="1" t="s">
        <v>6</v>
      </c>
    </row>
    <row r="253" spans="2:7" x14ac:dyDescent="0.35">
      <c r="B253" s="16">
        <v>44483</v>
      </c>
      <c r="C253" s="15">
        <v>44483.383252314816</v>
      </c>
      <c r="D253" s="1">
        <v>257</v>
      </c>
      <c r="E253" s="1">
        <v>13.62</v>
      </c>
      <c r="F253" s="1">
        <v>3500.3399999999997</v>
      </c>
      <c r="G253" s="1" t="s">
        <v>6</v>
      </c>
    </row>
    <row r="254" spans="2:7" x14ac:dyDescent="0.35">
      <c r="B254" s="16">
        <v>44483</v>
      </c>
      <c r="C254" s="15">
        <v>44483.385740740741</v>
      </c>
      <c r="D254" s="1">
        <v>239</v>
      </c>
      <c r="E254" s="1">
        <v>13.6</v>
      </c>
      <c r="F254" s="1">
        <v>3250.4</v>
      </c>
      <c r="G254" s="1" t="s">
        <v>6</v>
      </c>
    </row>
    <row r="255" spans="2:7" x14ac:dyDescent="0.35">
      <c r="B255" s="16">
        <v>44483</v>
      </c>
      <c r="C255" s="15">
        <v>44483.385740740741</v>
      </c>
      <c r="D255" s="1">
        <v>10</v>
      </c>
      <c r="E255" s="1">
        <v>13.6</v>
      </c>
      <c r="F255" s="1">
        <v>136</v>
      </c>
      <c r="G255" s="1" t="s">
        <v>6</v>
      </c>
    </row>
    <row r="256" spans="2:7" x14ac:dyDescent="0.35">
      <c r="B256" s="16">
        <v>44483</v>
      </c>
      <c r="C256" s="15">
        <v>44483.393090277779</v>
      </c>
      <c r="D256" s="1">
        <v>337</v>
      </c>
      <c r="E256" s="1">
        <v>13.64</v>
      </c>
      <c r="F256" s="1">
        <v>4596.68</v>
      </c>
      <c r="G256" s="1" t="s">
        <v>6</v>
      </c>
    </row>
    <row r="257" spans="2:7" x14ac:dyDescent="0.35">
      <c r="B257" s="16">
        <v>44483</v>
      </c>
      <c r="C257" s="15">
        <v>44483.399027777778</v>
      </c>
      <c r="D257" s="1">
        <v>30</v>
      </c>
      <c r="E257" s="1">
        <v>13.62</v>
      </c>
      <c r="F257" s="1">
        <v>408.59999999999997</v>
      </c>
      <c r="G257" s="1" t="s">
        <v>6</v>
      </c>
    </row>
    <row r="258" spans="2:7" x14ac:dyDescent="0.35">
      <c r="B258" s="16">
        <v>44483</v>
      </c>
      <c r="C258" s="15">
        <v>44483.399027777778</v>
      </c>
      <c r="D258" s="1">
        <v>250</v>
      </c>
      <c r="E258" s="1">
        <v>13.62</v>
      </c>
      <c r="F258" s="1">
        <v>3405</v>
      </c>
      <c r="G258" s="1" t="s">
        <v>6</v>
      </c>
    </row>
    <row r="259" spans="2:7" x14ac:dyDescent="0.35">
      <c r="B259" s="16">
        <v>44483</v>
      </c>
      <c r="C259" s="15">
        <v>44483.399027777778</v>
      </c>
      <c r="D259" s="1">
        <v>250</v>
      </c>
      <c r="E259" s="1">
        <v>13.62</v>
      </c>
      <c r="F259" s="1">
        <v>3405</v>
      </c>
      <c r="G259" s="1" t="s">
        <v>6</v>
      </c>
    </row>
    <row r="260" spans="2:7" x14ac:dyDescent="0.35">
      <c r="B260" s="16">
        <v>44483</v>
      </c>
      <c r="C260" s="15">
        <v>44483.399027777778</v>
      </c>
      <c r="D260" s="1">
        <v>500</v>
      </c>
      <c r="E260" s="1">
        <v>13.62</v>
      </c>
      <c r="F260" s="1">
        <v>6810</v>
      </c>
      <c r="G260" s="1" t="s">
        <v>6</v>
      </c>
    </row>
    <row r="261" spans="2:7" x14ac:dyDescent="0.35">
      <c r="B261" s="16">
        <v>44483</v>
      </c>
      <c r="C261" s="15">
        <v>44483.399027777778</v>
      </c>
      <c r="D261" s="1">
        <v>366</v>
      </c>
      <c r="E261" s="1">
        <v>13.64</v>
      </c>
      <c r="F261" s="1">
        <v>4992.24</v>
      </c>
      <c r="G261" s="1" t="s">
        <v>6</v>
      </c>
    </row>
    <row r="262" spans="2:7" x14ac:dyDescent="0.35">
      <c r="B262" s="16">
        <v>44483</v>
      </c>
      <c r="C262" s="15">
        <v>44483.420891203707</v>
      </c>
      <c r="D262" s="1">
        <v>697</v>
      </c>
      <c r="E262" s="1">
        <v>13.72</v>
      </c>
      <c r="F262" s="1">
        <v>9562.84</v>
      </c>
      <c r="G262" s="1" t="s">
        <v>6</v>
      </c>
    </row>
    <row r="263" spans="2:7" x14ac:dyDescent="0.35">
      <c r="B263" s="16">
        <v>44483</v>
      </c>
      <c r="C263" s="15">
        <v>44483.443842592591</v>
      </c>
      <c r="D263" s="1">
        <v>65</v>
      </c>
      <c r="E263" s="1">
        <v>13.78</v>
      </c>
      <c r="F263" s="1">
        <v>895.69999999999993</v>
      </c>
      <c r="G263" s="1" t="s">
        <v>6</v>
      </c>
    </row>
    <row r="264" spans="2:7" x14ac:dyDescent="0.35">
      <c r="B264" s="16">
        <v>44483</v>
      </c>
      <c r="C264" s="15">
        <v>44483.443842592591</v>
      </c>
      <c r="D264" s="1">
        <v>176</v>
      </c>
      <c r="E264" s="1">
        <v>13.78</v>
      </c>
      <c r="F264" s="1">
        <v>2425.2799999999997</v>
      </c>
      <c r="G264" s="1" t="s">
        <v>6</v>
      </c>
    </row>
    <row r="265" spans="2:7" x14ac:dyDescent="0.35">
      <c r="B265" s="16">
        <v>44483</v>
      </c>
      <c r="C265" s="15">
        <v>44483.443842592591</v>
      </c>
      <c r="D265" s="1">
        <v>88</v>
      </c>
      <c r="E265" s="1">
        <v>13.78</v>
      </c>
      <c r="F265" s="1">
        <v>1212.6399999999999</v>
      </c>
      <c r="G265" s="1" t="s">
        <v>6</v>
      </c>
    </row>
    <row r="266" spans="2:7" x14ac:dyDescent="0.35">
      <c r="B266" s="16">
        <v>44483</v>
      </c>
      <c r="C266" s="15">
        <v>44483.449502314812</v>
      </c>
      <c r="D266" s="1">
        <v>145</v>
      </c>
      <c r="E266" s="1">
        <v>13.74</v>
      </c>
      <c r="F266" s="1">
        <v>1992.3</v>
      </c>
      <c r="G266" s="1" t="s">
        <v>6</v>
      </c>
    </row>
    <row r="267" spans="2:7" x14ac:dyDescent="0.35">
      <c r="B267" s="16">
        <v>44483</v>
      </c>
      <c r="C267" s="15">
        <v>44483.449502314812</v>
      </c>
      <c r="D267" s="1">
        <v>12</v>
      </c>
      <c r="E267" s="1">
        <v>13.74</v>
      </c>
      <c r="F267" s="1">
        <v>164.88</v>
      </c>
      <c r="G267" s="1" t="s">
        <v>6</v>
      </c>
    </row>
    <row r="268" spans="2:7" x14ac:dyDescent="0.35">
      <c r="B268" s="16">
        <v>44483</v>
      </c>
      <c r="C268" s="15">
        <v>44483.449502314812</v>
      </c>
      <c r="D268" s="1">
        <v>162</v>
      </c>
      <c r="E268" s="1">
        <v>13.74</v>
      </c>
      <c r="F268" s="1">
        <v>2225.88</v>
      </c>
      <c r="G268" s="1" t="s">
        <v>6</v>
      </c>
    </row>
    <row r="269" spans="2:7" x14ac:dyDescent="0.35">
      <c r="B269" s="16">
        <v>44483</v>
      </c>
      <c r="C269" s="15">
        <v>44483.449502314812</v>
      </c>
      <c r="D269" s="1">
        <v>250</v>
      </c>
      <c r="E269" s="1">
        <v>13.74</v>
      </c>
      <c r="F269" s="1">
        <v>3435</v>
      </c>
      <c r="G269" s="1" t="s">
        <v>6</v>
      </c>
    </row>
    <row r="270" spans="2:7" x14ac:dyDescent="0.35">
      <c r="B270" s="16">
        <v>44483</v>
      </c>
      <c r="C270" s="15">
        <v>44483.449502314812</v>
      </c>
      <c r="D270" s="1">
        <v>12</v>
      </c>
      <c r="E270" s="1">
        <v>13.74</v>
      </c>
      <c r="F270" s="1">
        <v>164.88</v>
      </c>
      <c r="G270" s="1" t="s">
        <v>6</v>
      </c>
    </row>
    <row r="271" spans="2:7" x14ac:dyDescent="0.35">
      <c r="B271" s="16">
        <v>44483</v>
      </c>
      <c r="C271" s="15">
        <v>44483.449502314812</v>
      </c>
      <c r="D271" s="1">
        <v>250</v>
      </c>
      <c r="E271" s="1">
        <v>13.74</v>
      </c>
      <c r="F271" s="1">
        <v>3435</v>
      </c>
      <c r="G271" s="1" t="s">
        <v>6</v>
      </c>
    </row>
    <row r="272" spans="2:7" x14ac:dyDescent="0.35">
      <c r="B272" s="16">
        <v>44483</v>
      </c>
      <c r="C272" s="15">
        <v>44483.449502314812</v>
      </c>
      <c r="D272" s="1">
        <v>150</v>
      </c>
      <c r="E272" s="1">
        <v>13.74</v>
      </c>
      <c r="F272" s="1">
        <v>2061</v>
      </c>
      <c r="G272" s="1" t="s">
        <v>6</v>
      </c>
    </row>
    <row r="273" spans="2:7" x14ac:dyDescent="0.35">
      <c r="B273" s="16">
        <v>44483</v>
      </c>
      <c r="C273" s="15">
        <v>44483.477013888885</v>
      </c>
      <c r="D273" s="1">
        <v>214</v>
      </c>
      <c r="E273" s="1">
        <v>13.76</v>
      </c>
      <c r="F273" s="1">
        <v>2944.64</v>
      </c>
      <c r="G273" s="1" t="s">
        <v>6</v>
      </c>
    </row>
    <row r="274" spans="2:7" x14ac:dyDescent="0.35">
      <c r="B274" s="16">
        <v>44483</v>
      </c>
      <c r="C274" s="15">
        <v>44483.481736111113</v>
      </c>
      <c r="D274" s="1">
        <v>350</v>
      </c>
      <c r="E274" s="1">
        <v>13.74</v>
      </c>
      <c r="F274" s="1">
        <v>4809</v>
      </c>
      <c r="G274" s="1" t="s">
        <v>6</v>
      </c>
    </row>
    <row r="275" spans="2:7" x14ac:dyDescent="0.35">
      <c r="B275" s="16">
        <v>44483</v>
      </c>
      <c r="C275" s="15">
        <v>44483.481736111113</v>
      </c>
      <c r="D275" s="1">
        <v>250</v>
      </c>
      <c r="E275" s="1">
        <v>13.74</v>
      </c>
      <c r="F275" s="1">
        <v>3435</v>
      </c>
      <c r="G275" s="1" t="s">
        <v>6</v>
      </c>
    </row>
    <row r="276" spans="2:7" x14ac:dyDescent="0.35">
      <c r="B276" s="16">
        <v>44483</v>
      </c>
      <c r="C276" s="15">
        <v>44483.481736111113</v>
      </c>
      <c r="D276" s="1">
        <v>321</v>
      </c>
      <c r="E276" s="1">
        <v>13.74</v>
      </c>
      <c r="F276" s="1">
        <v>4410.54</v>
      </c>
      <c r="G276" s="1" t="s">
        <v>6</v>
      </c>
    </row>
    <row r="277" spans="2:7" x14ac:dyDescent="0.35">
      <c r="B277" s="16">
        <v>44483</v>
      </c>
      <c r="C277" s="15">
        <v>44483.504606481481</v>
      </c>
      <c r="D277" s="1">
        <v>394</v>
      </c>
      <c r="E277" s="1">
        <v>13.74</v>
      </c>
      <c r="F277" s="1">
        <v>5413.56</v>
      </c>
      <c r="G277" s="1" t="s">
        <v>6</v>
      </c>
    </row>
    <row r="278" spans="2:7" x14ac:dyDescent="0.35">
      <c r="B278" s="16">
        <v>44483</v>
      </c>
      <c r="C278" s="15">
        <v>44483.504606481481</v>
      </c>
      <c r="D278" s="1">
        <v>86</v>
      </c>
      <c r="E278" s="1">
        <v>13.74</v>
      </c>
      <c r="F278" s="1">
        <v>1181.6400000000001</v>
      </c>
      <c r="G278" s="1" t="s">
        <v>6</v>
      </c>
    </row>
    <row r="279" spans="2:7" x14ac:dyDescent="0.35">
      <c r="B279" s="16">
        <v>44483</v>
      </c>
      <c r="C279" s="15">
        <v>44483.504606481481</v>
      </c>
      <c r="D279" s="1">
        <v>361</v>
      </c>
      <c r="E279" s="1">
        <v>13.74</v>
      </c>
      <c r="F279" s="1">
        <v>4960.1400000000003</v>
      </c>
      <c r="G279" s="1" t="s">
        <v>6</v>
      </c>
    </row>
    <row r="280" spans="2:7" x14ac:dyDescent="0.35">
      <c r="B280" s="16">
        <v>44483</v>
      </c>
      <c r="C280" s="15">
        <v>44483.513958333337</v>
      </c>
      <c r="D280" s="1">
        <v>53</v>
      </c>
      <c r="E280" s="1">
        <v>13.72</v>
      </c>
      <c r="F280" s="1">
        <v>727.16000000000008</v>
      </c>
      <c r="G280" s="1" t="s">
        <v>6</v>
      </c>
    </row>
    <row r="281" spans="2:7" x14ac:dyDescent="0.35">
      <c r="B281" s="16">
        <v>44483</v>
      </c>
      <c r="C281" s="15">
        <v>44483.513958333337</v>
      </c>
      <c r="D281" s="1">
        <v>307</v>
      </c>
      <c r="E281" s="1">
        <v>13.72</v>
      </c>
      <c r="F281" s="1">
        <v>4212.04</v>
      </c>
      <c r="G281" s="1" t="s">
        <v>6</v>
      </c>
    </row>
    <row r="282" spans="2:7" x14ac:dyDescent="0.35">
      <c r="B282" s="16">
        <v>44483</v>
      </c>
      <c r="C282" s="15">
        <v>44483.5465625</v>
      </c>
      <c r="D282" s="1">
        <v>183</v>
      </c>
      <c r="E282" s="1">
        <v>13.78</v>
      </c>
      <c r="F282" s="1">
        <v>2521.7399999999998</v>
      </c>
      <c r="G282" s="1" t="s">
        <v>6</v>
      </c>
    </row>
    <row r="283" spans="2:7" x14ac:dyDescent="0.35">
      <c r="B283" s="16">
        <v>44483</v>
      </c>
      <c r="C283" s="15">
        <v>44483.5465625</v>
      </c>
      <c r="D283" s="1">
        <v>167</v>
      </c>
      <c r="E283" s="1">
        <v>13.78</v>
      </c>
      <c r="F283" s="1">
        <v>2301.2599999999998</v>
      </c>
      <c r="G283" s="1" t="s">
        <v>6</v>
      </c>
    </row>
    <row r="284" spans="2:7" x14ac:dyDescent="0.35">
      <c r="B284" s="16">
        <v>44483</v>
      </c>
      <c r="C284" s="15">
        <v>44483.557685185187</v>
      </c>
      <c r="D284" s="1">
        <v>356</v>
      </c>
      <c r="E284" s="1">
        <v>13.78</v>
      </c>
      <c r="F284" s="1">
        <v>4905.6799999999994</v>
      </c>
      <c r="G284" s="1" t="s">
        <v>6</v>
      </c>
    </row>
    <row r="285" spans="2:7" x14ac:dyDescent="0.35">
      <c r="B285" s="16">
        <v>44483</v>
      </c>
      <c r="C285" s="15">
        <v>44483.569039351853</v>
      </c>
      <c r="D285" s="1">
        <v>327</v>
      </c>
      <c r="E285" s="1">
        <v>13.76</v>
      </c>
      <c r="F285" s="1">
        <v>4499.5199999999995</v>
      </c>
      <c r="G285" s="1" t="s">
        <v>6</v>
      </c>
    </row>
    <row r="286" spans="2:7" x14ac:dyDescent="0.35">
      <c r="B286" s="16">
        <v>44483</v>
      </c>
      <c r="C286" s="15">
        <v>44483.578877314816</v>
      </c>
      <c r="D286" s="1">
        <v>336</v>
      </c>
      <c r="E286" s="1">
        <v>13.76</v>
      </c>
      <c r="F286" s="1">
        <v>4623.3599999999997</v>
      </c>
      <c r="G286" s="1" t="s">
        <v>6</v>
      </c>
    </row>
    <row r="287" spans="2:7" x14ac:dyDescent="0.35">
      <c r="B287" s="16">
        <v>44483</v>
      </c>
      <c r="C287" s="15">
        <v>44483.583356481482</v>
      </c>
      <c r="D287" s="1">
        <v>80</v>
      </c>
      <c r="E287" s="1">
        <v>13.74</v>
      </c>
      <c r="F287" s="1">
        <v>1099.2</v>
      </c>
      <c r="G287" s="1" t="s">
        <v>6</v>
      </c>
    </row>
    <row r="288" spans="2:7" x14ac:dyDescent="0.35">
      <c r="B288" s="16">
        <v>44483</v>
      </c>
      <c r="C288" s="15">
        <v>44483.583356481482</v>
      </c>
      <c r="D288" s="1">
        <v>250</v>
      </c>
      <c r="E288" s="1">
        <v>13.74</v>
      </c>
      <c r="F288" s="1">
        <v>3435</v>
      </c>
      <c r="G288" s="1" t="s">
        <v>6</v>
      </c>
    </row>
    <row r="289" spans="2:14" x14ac:dyDescent="0.35">
      <c r="B289" s="16">
        <v>44483</v>
      </c>
      <c r="C289" s="15">
        <v>44483.583356481482</v>
      </c>
      <c r="D289" s="1">
        <v>434</v>
      </c>
      <c r="E289" s="1">
        <v>13.74</v>
      </c>
      <c r="F289" s="1">
        <v>5963.16</v>
      </c>
      <c r="G289" s="1" t="s">
        <v>6</v>
      </c>
    </row>
    <row r="290" spans="2:14" x14ac:dyDescent="0.35">
      <c r="B290" s="16">
        <v>44483</v>
      </c>
      <c r="C290" s="15">
        <v>44483.583356481482</v>
      </c>
      <c r="D290" s="1">
        <v>371</v>
      </c>
      <c r="E290" s="1">
        <v>13.74</v>
      </c>
      <c r="F290" s="1">
        <v>5097.54</v>
      </c>
      <c r="G290" s="1" t="s">
        <v>6</v>
      </c>
    </row>
    <row r="291" spans="2:14" x14ac:dyDescent="0.35">
      <c r="B291" s="16">
        <v>44483</v>
      </c>
      <c r="C291" s="15">
        <v>44483.618263888886</v>
      </c>
      <c r="D291" s="1">
        <v>6</v>
      </c>
      <c r="E291" s="1">
        <v>13.82</v>
      </c>
      <c r="F291" s="1">
        <v>82.92</v>
      </c>
      <c r="G291" s="1" t="s">
        <v>6</v>
      </c>
    </row>
    <row r="292" spans="2:14" x14ac:dyDescent="0.35">
      <c r="B292" s="16">
        <v>44483</v>
      </c>
      <c r="C292" s="15">
        <v>44483.618449074071</v>
      </c>
      <c r="D292" s="1">
        <v>183</v>
      </c>
      <c r="E292" s="1">
        <v>13.82</v>
      </c>
      <c r="F292" s="1">
        <v>2529.06</v>
      </c>
      <c r="G292" s="1" t="s">
        <v>6</v>
      </c>
    </row>
    <row r="293" spans="2:14" x14ac:dyDescent="0.35">
      <c r="B293" s="16">
        <v>44483</v>
      </c>
      <c r="C293" s="15">
        <v>44483.618449074071</v>
      </c>
      <c r="D293" s="1">
        <v>136</v>
      </c>
      <c r="E293" s="1">
        <v>13.82</v>
      </c>
      <c r="F293" s="1">
        <v>1879.52</v>
      </c>
      <c r="G293" s="1" t="s">
        <v>6</v>
      </c>
    </row>
    <row r="294" spans="2:14" x14ac:dyDescent="0.35">
      <c r="B294" s="16">
        <v>44483</v>
      </c>
      <c r="C294" s="15">
        <v>44483.618449074071</v>
      </c>
      <c r="D294" s="1">
        <v>27</v>
      </c>
      <c r="E294" s="1">
        <v>13.82</v>
      </c>
      <c r="F294" s="1">
        <v>373.14</v>
      </c>
      <c r="G294" s="1" t="s">
        <v>6</v>
      </c>
    </row>
    <row r="295" spans="2:14" x14ac:dyDescent="0.35">
      <c r="B295" s="16">
        <v>44483</v>
      </c>
      <c r="C295" s="15">
        <v>44483.623055555552</v>
      </c>
      <c r="D295" s="1">
        <v>27</v>
      </c>
      <c r="E295" s="1">
        <v>13.8</v>
      </c>
      <c r="F295" s="1">
        <v>372.6</v>
      </c>
      <c r="G295" s="1" t="s">
        <v>6</v>
      </c>
    </row>
    <row r="296" spans="2:14" x14ac:dyDescent="0.35">
      <c r="B296" s="16">
        <v>44483</v>
      </c>
      <c r="C296" s="15">
        <v>44483.623055555552</v>
      </c>
      <c r="D296" s="1">
        <v>235</v>
      </c>
      <c r="E296" s="1">
        <v>13.8</v>
      </c>
      <c r="F296" s="1">
        <v>3243</v>
      </c>
      <c r="G296" s="1" t="s">
        <v>6</v>
      </c>
    </row>
    <row r="297" spans="2:14" x14ac:dyDescent="0.35">
      <c r="B297" s="16">
        <v>44483</v>
      </c>
      <c r="C297" s="15">
        <v>44483.623055555552</v>
      </c>
      <c r="D297" s="1">
        <v>279</v>
      </c>
      <c r="E297" s="1">
        <v>13.8</v>
      </c>
      <c r="F297" s="1">
        <v>3850.2000000000003</v>
      </c>
      <c r="G297" s="1" t="s">
        <v>6</v>
      </c>
    </row>
    <row r="298" spans="2:14" x14ac:dyDescent="0.35">
      <c r="B298" s="16">
        <v>44483</v>
      </c>
      <c r="C298" s="15">
        <v>44483.623055555552</v>
      </c>
      <c r="D298" s="1">
        <v>250</v>
      </c>
      <c r="E298" s="1">
        <v>13.8</v>
      </c>
      <c r="F298" s="1">
        <v>3450</v>
      </c>
      <c r="G298" s="1" t="s">
        <v>6</v>
      </c>
    </row>
    <row r="299" spans="2:14" x14ac:dyDescent="0.35">
      <c r="B299" s="16">
        <v>44483</v>
      </c>
      <c r="C299" s="15">
        <v>44483.623055555552</v>
      </c>
      <c r="D299" s="1">
        <v>257</v>
      </c>
      <c r="E299" s="1">
        <v>13.8</v>
      </c>
      <c r="F299" s="1">
        <v>3546.6000000000004</v>
      </c>
      <c r="G299" s="1" t="s">
        <v>6</v>
      </c>
    </row>
    <row r="300" spans="2:14" x14ac:dyDescent="0.35">
      <c r="B300" s="16">
        <v>44483</v>
      </c>
      <c r="C300" s="15">
        <v>44483.646967592591</v>
      </c>
      <c r="D300" s="1">
        <v>46</v>
      </c>
      <c r="E300" s="1">
        <v>13.78</v>
      </c>
      <c r="F300" s="1">
        <v>633.88</v>
      </c>
      <c r="G300" s="1" t="s">
        <v>6</v>
      </c>
    </row>
    <row r="301" spans="2:14" x14ac:dyDescent="0.35">
      <c r="B301" s="16">
        <v>44483</v>
      </c>
      <c r="C301" s="15">
        <v>44483.646967592591</v>
      </c>
      <c r="D301" s="1">
        <v>88</v>
      </c>
      <c r="E301" s="1">
        <v>13.78</v>
      </c>
      <c r="F301" s="1">
        <v>1212.6399999999999</v>
      </c>
      <c r="G301" s="1" t="s">
        <v>6</v>
      </c>
    </row>
    <row r="302" spans="2:14" x14ac:dyDescent="0.35">
      <c r="B302" s="16">
        <v>44483</v>
      </c>
      <c r="C302" s="15">
        <v>44483.646967592591</v>
      </c>
      <c r="D302" s="1">
        <v>209</v>
      </c>
      <c r="E302" s="1">
        <v>13.78</v>
      </c>
      <c r="F302" s="1">
        <v>2880.02</v>
      </c>
      <c r="G302" s="1" t="s">
        <v>6</v>
      </c>
    </row>
    <row r="303" spans="2:14" x14ac:dyDescent="0.35">
      <c r="B303" s="16">
        <v>44483</v>
      </c>
      <c r="C303" s="15">
        <v>44483.646967592591</v>
      </c>
      <c r="D303" s="1">
        <v>350</v>
      </c>
      <c r="E303" s="1">
        <v>13.78</v>
      </c>
      <c r="F303" s="1">
        <v>4823</v>
      </c>
      <c r="G303" s="1" t="s">
        <v>6</v>
      </c>
    </row>
    <row r="304" spans="2:14" x14ac:dyDescent="0.35">
      <c r="B304" s="16">
        <v>44483</v>
      </c>
      <c r="C304" s="15">
        <v>44483.661076388889</v>
      </c>
      <c r="D304" s="1">
        <v>125</v>
      </c>
      <c r="E304" s="1">
        <v>13.8</v>
      </c>
      <c r="F304" s="1">
        <v>1725</v>
      </c>
      <c r="G304" s="1" t="s">
        <v>6</v>
      </c>
      <c r="N304" s="16"/>
    </row>
    <row r="305" spans="2:7" x14ac:dyDescent="0.35">
      <c r="B305" s="16">
        <v>44483</v>
      </c>
      <c r="C305" s="15">
        <v>44483.661076388889</v>
      </c>
      <c r="D305" s="1">
        <v>100</v>
      </c>
      <c r="E305" s="1">
        <v>13.8</v>
      </c>
      <c r="F305" s="1">
        <v>1380</v>
      </c>
      <c r="G305" s="1" t="s">
        <v>6</v>
      </c>
    </row>
    <row r="306" spans="2:7" x14ac:dyDescent="0.35">
      <c r="B306" s="16">
        <v>44483</v>
      </c>
      <c r="C306" s="15">
        <v>44483.661076388889</v>
      </c>
      <c r="D306" s="1">
        <v>118</v>
      </c>
      <c r="E306" s="1">
        <v>13.8</v>
      </c>
      <c r="F306" s="1">
        <v>1628.4</v>
      </c>
      <c r="G306" s="1" t="s">
        <v>6</v>
      </c>
    </row>
    <row r="307" spans="2:7" x14ac:dyDescent="0.35">
      <c r="B307" s="16">
        <v>44483</v>
      </c>
      <c r="C307" s="15">
        <v>44483.666678240741</v>
      </c>
      <c r="D307" s="1">
        <v>188</v>
      </c>
      <c r="E307" s="1">
        <v>13.8</v>
      </c>
      <c r="F307" s="1">
        <v>2594.4</v>
      </c>
      <c r="G307" s="1" t="s">
        <v>6</v>
      </c>
    </row>
    <row r="308" spans="2:7" x14ac:dyDescent="0.35">
      <c r="B308" s="16">
        <v>44483</v>
      </c>
      <c r="C308" s="15">
        <v>44483.666678240741</v>
      </c>
      <c r="D308" s="1">
        <v>182</v>
      </c>
      <c r="E308" s="1">
        <v>13.8</v>
      </c>
      <c r="F308" s="1">
        <v>2511.6</v>
      </c>
      <c r="G308" s="1" t="s">
        <v>6</v>
      </c>
    </row>
    <row r="309" spans="2:7" x14ac:dyDescent="0.35">
      <c r="B309" s="16">
        <v>44483</v>
      </c>
      <c r="C309" s="15">
        <v>44483.673148148147</v>
      </c>
      <c r="D309" s="1">
        <v>35</v>
      </c>
      <c r="E309" s="1">
        <v>13.8</v>
      </c>
      <c r="F309" s="1">
        <v>483</v>
      </c>
      <c r="G309" s="1" t="s">
        <v>6</v>
      </c>
    </row>
    <row r="310" spans="2:7" x14ac:dyDescent="0.35">
      <c r="B310" s="16">
        <v>44483</v>
      </c>
      <c r="C310" s="15">
        <v>44483.673634259256</v>
      </c>
      <c r="D310" s="1">
        <v>341</v>
      </c>
      <c r="E310" s="1">
        <v>13.8</v>
      </c>
      <c r="F310" s="1">
        <v>4705.8</v>
      </c>
      <c r="G310" s="1" t="s">
        <v>6</v>
      </c>
    </row>
    <row r="311" spans="2:7" x14ac:dyDescent="0.35">
      <c r="B311" s="16">
        <v>44483</v>
      </c>
      <c r="C311" s="15">
        <v>44483.673634259256</v>
      </c>
      <c r="D311" s="1">
        <v>241</v>
      </c>
      <c r="E311" s="1">
        <v>13.8</v>
      </c>
      <c r="F311" s="1">
        <v>3325.8</v>
      </c>
      <c r="G311" s="1" t="s">
        <v>6</v>
      </c>
    </row>
    <row r="312" spans="2:7" x14ac:dyDescent="0.35">
      <c r="B312" s="16">
        <v>44483</v>
      </c>
      <c r="C312" s="15">
        <v>44483.673634259256</v>
      </c>
      <c r="D312" s="1">
        <v>135</v>
      </c>
      <c r="E312" s="1">
        <v>13.8</v>
      </c>
      <c r="F312" s="1">
        <v>1863</v>
      </c>
      <c r="G312" s="1" t="s">
        <v>6</v>
      </c>
    </row>
    <row r="313" spans="2:7" x14ac:dyDescent="0.35">
      <c r="B313" s="16">
        <v>44483</v>
      </c>
      <c r="C313" s="15">
        <v>44483.673634259256</v>
      </c>
      <c r="D313" s="1">
        <v>250</v>
      </c>
      <c r="E313" s="1">
        <v>13.8</v>
      </c>
      <c r="F313" s="1">
        <v>3450</v>
      </c>
      <c r="G313" s="1" t="s">
        <v>6</v>
      </c>
    </row>
    <row r="314" spans="2:7" x14ac:dyDescent="0.35">
      <c r="B314" s="16">
        <v>44483</v>
      </c>
      <c r="C314" s="15">
        <v>44483.673634259256</v>
      </c>
      <c r="D314" s="1">
        <v>60</v>
      </c>
      <c r="E314" s="1">
        <v>13.8</v>
      </c>
      <c r="F314" s="1">
        <v>828</v>
      </c>
      <c r="G314" s="1" t="s">
        <v>6</v>
      </c>
    </row>
    <row r="315" spans="2:7" x14ac:dyDescent="0.35">
      <c r="B315" s="16">
        <v>44483</v>
      </c>
      <c r="C315" s="15">
        <v>44483.673634259256</v>
      </c>
      <c r="D315" s="1">
        <v>299</v>
      </c>
      <c r="E315" s="1">
        <v>13.8</v>
      </c>
      <c r="F315" s="1">
        <v>4126.2</v>
      </c>
      <c r="G315" s="1" t="s">
        <v>6</v>
      </c>
    </row>
    <row r="316" spans="2:7" x14ac:dyDescent="0.35">
      <c r="B316" s="16">
        <v>44483</v>
      </c>
      <c r="C316" s="15">
        <v>44483.689780092594</v>
      </c>
      <c r="D316" s="1">
        <v>392</v>
      </c>
      <c r="E316" s="1">
        <v>13.76</v>
      </c>
      <c r="F316" s="1">
        <v>5393.92</v>
      </c>
      <c r="G316" s="1" t="s">
        <v>6</v>
      </c>
    </row>
    <row r="317" spans="2:7" x14ac:dyDescent="0.35">
      <c r="B317" s="16">
        <v>44483</v>
      </c>
      <c r="C317" s="15">
        <v>44483.694791666669</v>
      </c>
      <c r="D317" s="1">
        <v>349</v>
      </c>
      <c r="E317" s="1">
        <v>13.72</v>
      </c>
      <c r="F317" s="1">
        <v>4788.2800000000007</v>
      </c>
      <c r="G317" s="1" t="s">
        <v>6</v>
      </c>
    </row>
    <row r="318" spans="2:7" x14ac:dyDescent="0.35">
      <c r="B318" s="16">
        <v>44483</v>
      </c>
      <c r="C318" s="15">
        <v>44483.701886574076</v>
      </c>
      <c r="D318" s="1">
        <v>363</v>
      </c>
      <c r="E318" s="1">
        <v>13.7</v>
      </c>
      <c r="F318" s="1">
        <v>4973.0999999999995</v>
      </c>
      <c r="G318" s="1" t="s">
        <v>6</v>
      </c>
    </row>
    <row r="319" spans="2:7" x14ac:dyDescent="0.35">
      <c r="B319" s="16">
        <v>44483</v>
      </c>
      <c r="C319" s="15">
        <v>44483.716111111113</v>
      </c>
      <c r="D319" s="1">
        <v>141</v>
      </c>
      <c r="E319" s="1">
        <v>13.74</v>
      </c>
      <c r="F319" s="1">
        <v>1937.34</v>
      </c>
      <c r="G319" s="1" t="s">
        <v>6</v>
      </c>
    </row>
    <row r="320" spans="2:7" x14ac:dyDescent="0.35">
      <c r="B320" s="16">
        <v>44483</v>
      </c>
      <c r="C320" s="15">
        <v>44483.716111111113</v>
      </c>
      <c r="D320" s="1">
        <v>124</v>
      </c>
      <c r="E320" s="1">
        <v>13.74</v>
      </c>
      <c r="F320" s="1">
        <v>1703.76</v>
      </c>
      <c r="G320" s="1" t="s">
        <v>6</v>
      </c>
    </row>
    <row r="321" spans="2:7" x14ac:dyDescent="0.35">
      <c r="B321" s="16">
        <v>44483</v>
      </c>
      <c r="C321" s="15">
        <v>44483.716111111113</v>
      </c>
      <c r="D321" s="1">
        <v>94</v>
      </c>
      <c r="E321" s="1">
        <v>13.74</v>
      </c>
      <c r="F321" s="1">
        <v>1291.56</v>
      </c>
      <c r="G321" s="1" t="s">
        <v>6</v>
      </c>
    </row>
    <row r="322" spans="2:7" x14ac:dyDescent="0.35">
      <c r="B322" s="16">
        <v>44483</v>
      </c>
      <c r="C322" s="15">
        <v>44483.721921296295</v>
      </c>
      <c r="D322" s="1">
        <v>25</v>
      </c>
      <c r="E322" s="1">
        <v>13.72</v>
      </c>
      <c r="F322" s="1">
        <v>343</v>
      </c>
      <c r="G322" s="1" t="s">
        <v>6</v>
      </c>
    </row>
    <row r="323" spans="2:7" x14ac:dyDescent="0.35">
      <c r="B323" s="16">
        <v>44483</v>
      </c>
      <c r="C323" s="15">
        <v>44483.721921296295</v>
      </c>
      <c r="D323" s="1">
        <v>223</v>
      </c>
      <c r="E323" s="1">
        <v>13.72</v>
      </c>
      <c r="F323" s="1">
        <v>3059.56</v>
      </c>
      <c r="G323" s="1" t="s">
        <v>6</v>
      </c>
    </row>
    <row r="324" spans="2:7" x14ac:dyDescent="0.35">
      <c r="B324" s="16">
        <v>44483</v>
      </c>
      <c r="C324" s="15">
        <v>44483.721921296295</v>
      </c>
      <c r="D324" s="1">
        <v>1</v>
      </c>
      <c r="E324" s="1">
        <v>13.72</v>
      </c>
      <c r="F324" s="1">
        <v>13.72</v>
      </c>
      <c r="G324" s="1" t="s">
        <v>6</v>
      </c>
    </row>
    <row r="325" spans="2:7" x14ac:dyDescent="0.35">
      <c r="B325" s="16">
        <v>44483</v>
      </c>
      <c r="C325" s="15">
        <v>44483.721921296295</v>
      </c>
      <c r="D325" s="1">
        <v>1</v>
      </c>
      <c r="E325" s="1">
        <v>13.72</v>
      </c>
      <c r="F325" s="1">
        <v>13.72</v>
      </c>
      <c r="G325" s="1" t="s">
        <v>6</v>
      </c>
    </row>
    <row r="326" spans="2:7" x14ac:dyDescent="0.35">
      <c r="B326" s="16">
        <v>44483</v>
      </c>
      <c r="C326" s="15">
        <v>44483.721921296295</v>
      </c>
      <c r="D326" s="1">
        <v>100</v>
      </c>
      <c r="E326" s="1">
        <v>13.72</v>
      </c>
      <c r="F326" s="1">
        <v>1372</v>
      </c>
      <c r="G326" s="1" t="s">
        <v>6</v>
      </c>
    </row>
    <row r="327" spans="2:7" x14ac:dyDescent="0.35">
      <c r="B327" s="16">
        <v>44483</v>
      </c>
      <c r="C327" s="15">
        <v>44483.721921296295</v>
      </c>
      <c r="D327" s="1">
        <v>184</v>
      </c>
      <c r="E327" s="1">
        <v>13.72</v>
      </c>
      <c r="F327" s="1">
        <v>2524.48</v>
      </c>
      <c r="G327" s="1" t="s">
        <v>6</v>
      </c>
    </row>
    <row r="328" spans="2:7" x14ac:dyDescent="0.35">
      <c r="B328" s="16">
        <v>44483</v>
      </c>
      <c r="C328" s="15">
        <v>44483.721921296295</v>
      </c>
      <c r="D328" s="1">
        <v>20</v>
      </c>
      <c r="E328" s="1">
        <v>13.72</v>
      </c>
      <c r="F328" s="1">
        <v>274.40000000000003</v>
      </c>
      <c r="G328" s="1" t="s">
        <v>6</v>
      </c>
    </row>
    <row r="329" spans="2:7" x14ac:dyDescent="0.35">
      <c r="B329" s="16">
        <v>44484</v>
      </c>
      <c r="C329" s="15">
        <v>44484.378472222219</v>
      </c>
      <c r="D329" s="1">
        <v>95</v>
      </c>
      <c r="E329" s="1">
        <v>13.86</v>
      </c>
      <c r="F329" s="1">
        <v>1316.7</v>
      </c>
      <c r="G329" s="1" t="s">
        <v>6</v>
      </c>
    </row>
    <row r="330" spans="2:7" x14ac:dyDescent="0.35">
      <c r="B330" s="16">
        <v>44484</v>
      </c>
      <c r="C330" s="15">
        <v>44484.382384259261</v>
      </c>
      <c r="D330" s="1">
        <v>130</v>
      </c>
      <c r="E330" s="1">
        <v>13.86</v>
      </c>
      <c r="F330" s="1">
        <v>1801.8</v>
      </c>
      <c r="G330" s="1" t="s">
        <v>6</v>
      </c>
    </row>
    <row r="331" spans="2:7" x14ac:dyDescent="0.35">
      <c r="B331" s="16">
        <v>44484</v>
      </c>
      <c r="C331" s="15">
        <v>44484.382384259261</v>
      </c>
      <c r="D331" s="1">
        <v>250</v>
      </c>
      <c r="E331" s="1">
        <v>13.86</v>
      </c>
      <c r="F331" s="1">
        <v>3465</v>
      </c>
      <c r="G331" s="1" t="s">
        <v>6</v>
      </c>
    </row>
    <row r="332" spans="2:7" x14ac:dyDescent="0.35">
      <c r="B332" s="16">
        <v>44484</v>
      </c>
      <c r="C332" s="15">
        <v>44484.382893518516</v>
      </c>
      <c r="D332" s="1">
        <v>131</v>
      </c>
      <c r="E332" s="1">
        <v>13.86</v>
      </c>
      <c r="F332" s="1">
        <v>1815.6599999999999</v>
      </c>
      <c r="G332" s="1" t="s">
        <v>6</v>
      </c>
    </row>
    <row r="333" spans="2:7" x14ac:dyDescent="0.35">
      <c r="B333" s="16">
        <v>44484</v>
      </c>
      <c r="C333" s="15">
        <v>44484.382893518516</v>
      </c>
      <c r="D333" s="1">
        <v>257</v>
      </c>
      <c r="E333" s="1">
        <v>13.86</v>
      </c>
      <c r="F333" s="1">
        <v>3562.02</v>
      </c>
      <c r="G333" s="1" t="s">
        <v>6</v>
      </c>
    </row>
    <row r="334" spans="2:7" x14ac:dyDescent="0.35">
      <c r="B334" s="16">
        <v>44484</v>
      </c>
      <c r="C334" s="15">
        <v>44484.383553240739</v>
      </c>
      <c r="D334" s="1">
        <v>75</v>
      </c>
      <c r="E334" s="1">
        <v>13.86</v>
      </c>
      <c r="F334" s="1">
        <v>1039.5</v>
      </c>
      <c r="G334" s="1" t="s">
        <v>6</v>
      </c>
    </row>
    <row r="335" spans="2:7" x14ac:dyDescent="0.35">
      <c r="B335" s="16">
        <v>44484</v>
      </c>
      <c r="C335" s="15">
        <v>44484.383553240739</v>
      </c>
      <c r="D335" s="1">
        <v>250</v>
      </c>
      <c r="E335" s="1">
        <v>13.86</v>
      </c>
      <c r="F335" s="1">
        <v>3465</v>
      </c>
      <c r="G335" s="1" t="s">
        <v>6</v>
      </c>
    </row>
    <row r="336" spans="2:7" x14ac:dyDescent="0.35">
      <c r="B336" s="16">
        <v>44484</v>
      </c>
      <c r="C336" s="15">
        <v>44484.383553240739</v>
      </c>
      <c r="D336" s="1">
        <v>55</v>
      </c>
      <c r="E336" s="1">
        <v>13.86</v>
      </c>
      <c r="F336" s="1">
        <v>762.3</v>
      </c>
      <c r="G336" s="1" t="s">
        <v>6</v>
      </c>
    </row>
    <row r="337" spans="2:7" x14ac:dyDescent="0.35">
      <c r="B337" s="16">
        <v>44484</v>
      </c>
      <c r="C337" s="15">
        <v>44484.384097222224</v>
      </c>
      <c r="D337" s="1">
        <v>337</v>
      </c>
      <c r="E337" s="1">
        <v>13.86</v>
      </c>
      <c r="F337" s="1">
        <v>4670.82</v>
      </c>
      <c r="G337" s="1" t="s">
        <v>6</v>
      </c>
    </row>
    <row r="338" spans="2:7" x14ac:dyDescent="0.35">
      <c r="B338" s="16">
        <v>44484</v>
      </c>
      <c r="C338" s="15">
        <v>44484.384756944448</v>
      </c>
      <c r="D338" s="1">
        <v>338</v>
      </c>
      <c r="E338" s="1">
        <v>13.84</v>
      </c>
      <c r="F338" s="1">
        <v>4677.92</v>
      </c>
      <c r="G338" s="1" t="s">
        <v>6</v>
      </c>
    </row>
    <row r="339" spans="2:7" x14ac:dyDescent="0.35">
      <c r="B339" s="16">
        <v>44484</v>
      </c>
      <c r="C339" s="15">
        <v>44484.385370370372</v>
      </c>
      <c r="D339" s="1">
        <v>330</v>
      </c>
      <c r="E339" s="1">
        <v>13.84</v>
      </c>
      <c r="F339" s="1">
        <v>4567.2</v>
      </c>
      <c r="G339" s="1" t="s">
        <v>6</v>
      </c>
    </row>
    <row r="340" spans="2:7" x14ac:dyDescent="0.35">
      <c r="B340" s="16">
        <v>44484</v>
      </c>
      <c r="C340" s="15">
        <v>44484.387025462966</v>
      </c>
      <c r="D340" s="1">
        <v>250</v>
      </c>
      <c r="E340" s="1">
        <v>13.86</v>
      </c>
      <c r="F340" s="1">
        <v>3465</v>
      </c>
      <c r="G340" s="1" t="s">
        <v>6</v>
      </c>
    </row>
    <row r="341" spans="2:7" x14ac:dyDescent="0.35">
      <c r="B341" s="16">
        <v>44484</v>
      </c>
      <c r="C341" s="15">
        <v>44484.387025462966</v>
      </c>
      <c r="D341" s="1">
        <v>110</v>
      </c>
      <c r="E341" s="1">
        <v>13.86</v>
      </c>
      <c r="F341" s="1">
        <v>1524.6</v>
      </c>
      <c r="G341" s="1" t="s">
        <v>6</v>
      </c>
    </row>
    <row r="342" spans="2:7" x14ac:dyDescent="0.35">
      <c r="B342" s="16">
        <v>44484</v>
      </c>
      <c r="C342" s="15">
        <v>44484.387025462966</v>
      </c>
      <c r="D342" s="1">
        <v>250</v>
      </c>
      <c r="E342" s="1">
        <v>13.86</v>
      </c>
      <c r="F342" s="1">
        <v>3465</v>
      </c>
      <c r="G342" s="1" t="s">
        <v>6</v>
      </c>
    </row>
    <row r="343" spans="2:7" x14ac:dyDescent="0.35">
      <c r="B343" s="16">
        <v>44484</v>
      </c>
      <c r="C343" s="15">
        <v>44484.387337962966</v>
      </c>
      <c r="D343" s="1">
        <v>382</v>
      </c>
      <c r="E343" s="1">
        <v>13.9</v>
      </c>
      <c r="F343" s="1">
        <v>5309.8</v>
      </c>
      <c r="G343" s="1" t="s">
        <v>6</v>
      </c>
    </row>
    <row r="344" spans="2:7" x14ac:dyDescent="0.35">
      <c r="B344" s="16">
        <v>44484</v>
      </c>
      <c r="C344" s="15">
        <v>44484.387777777774</v>
      </c>
      <c r="D344" s="1">
        <v>349</v>
      </c>
      <c r="E344" s="1">
        <v>13.9</v>
      </c>
      <c r="F344" s="1">
        <v>4851.1000000000004</v>
      </c>
      <c r="G344" s="1" t="s">
        <v>6</v>
      </c>
    </row>
    <row r="345" spans="2:7" x14ac:dyDescent="0.35">
      <c r="B345" s="16">
        <v>44484</v>
      </c>
      <c r="C345" s="15">
        <v>44484.389074074075</v>
      </c>
      <c r="D345" s="1">
        <v>45</v>
      </c>
      <c r="E345" s="1">
        <v>13.92</v>
      </c>
      <c r="F345" s="1">
        <v>626.4</v>
      </c>
      <c r="G345" s="1" t="s">
        <v>6</v>
      </c>
    </row>
    <row r="346" spans="2:7" x14ac:dyDescent="0.35">
      <c r="B346" s="16">
        <v>44484</v>
      </c>
      <c r="C346" s="15">
        <v>44484.389074074075</v>
      </c>
      <c r="D346" s="1">
        <v>8</v>
      </c>
      <c r="E346" s="1">
        <v>13.92</v>
      </c>
      <c r="F346" s="1">
        <v>111.36</v>
      </c>
      <c r="G346" s="1" t="s">
        <v>6</v>
      </c>
    </row>
    <row r="347" spans="2:7" x14ac:dyDescent="0.35">
      <c r="B347" s="16">
        <v>44484</v>
      </c>
      <c r="C347" s="15">
        <v>44484.389074074075</v>
      </c>
      <c r="D347" s="1">
        <v>494</v>
      </c>
      <c r="E347" s="1">
        <v>13.92</v>
      </c>
      <c r="F347" s="1">
        <v>6876.48</v>
      </c>
      <c r="G347" s="1" t="s">
        <v>6</v>
      </c>
    </row>
    <row r="348" spans="2:7" x14ac:dyDescent="0.35">
      <c r="B348" s="16">
        <v>44484</v>
      </c>
      <c r="C348" s="15">
        <v>44484.389074074075</v>
      </c>
      <c r="D348" s="1">
        <v>30</v>
      </c>
      <c r="E348" s="1">
        <v>13.92</v>
      </c>
      <c r="F348" s="1">
        <v>417.6</v>
      </c>
      <c r="G348" s="1" t="s">
        <v>6</v>
      </c>
    </row>
    <row r="349" spans="2:7" x14ac:dyDescent="0.35">
      <c r="B349" s="16">
        <v>44484</v>
      </c>
      <c r="C349" s="15">
        <v>44484.389074074075</v>
      </c>
      <c r="D349" s="1">
        <v>502</v>
      </c>
      <c r="E349" s="1">
        <v>13.92</v>
      </c>
      <c r="F349" s="1">
        <v>6987.84</v>
      </c>
      <c r="G349" s="1" t="s">
        <v>6</v>
      </c>
    </row>
    <row r="350" spans="2:7" x14ac:dyDescent="0.35">
      <c r="B350" s="16">
        <v>44484</v>
      </c>
      <c r="C350" s="15">
        <v>44484.389074074075</v>
      </c>
      <c r="D350" s="1">
        <v>456</v>
      </c>
      <c r="E350" s="1">
        <v>13.92</v>
      </c>
      <c r="F350" s="1">
        <v>6347.5199999999995</v>
      </c>
      <c r="G350" s="1" t="s">
        <v>6</v>
      </c>
    </row>
    <row r="351" spans="2:7" x14ac:dyDescent="0.35">
      <c r="B351" s="16">
        <v>44484</v>
      </c>
      <c r="C351" s="15">
        <v>44484.389074074075</v>
      </c>
      <c r="D351" s="1">
        <v>307</v>
      </c>
      <c r="E351" s="1">
        <v>13.92</v>
      </c>
      <c r="F351" s="1">
        <v>4273.4399999999996</v>
      </c>
      <c r="G351" s="1" t="s">
        <v>6</v>
      </c>
    </row>
    <row r="352" spans="2:7" x14ac:dyDescent="0.35">
      <c r="B352" s="16">
        <v>44484</v>
      </c>
      <c r="C352" s="15">
        <v>44484.389074074075</v>
      </c>
      <c r="D352" s="1">
        <v>38</v>
      </c>
      <c r="E352" s="1">
        <v>13.92</v>
      </c>
      <c r="F352" s="1">
        <v>528.96</v>
      </c>
      <c r="G352" s="1" t="s">
        <v>6</v>
      </c>
    </row>
    <row r="353" spans="2:7" x14ac:dyDescent="0.35">
      <c r="B353" s="16">
        <v>44484</v>
      </c>
      <c r="C353" s="15">
        <v>44484.389074074075</v>
      </c>
      <c r="D353" s="1">
        <v>464</v>
      </c>
      <c r="E353" s="1">
        <v>13.92</v>
      </c>
      <c r="F353" s="1">
        <v>6458.88</v>
      </c>
      <c r="G353" s="1" t="s">
        <v>6</v>
      </c>
    </row>
    <row r="354" spans="2:7" x14ac:dyDescent="0.35">
      <c r="B354" s="16">
        <v>44484</v>
      </c>
      <c r="C354" s="15">
        <v>44484.389074074075</v>
      </c>
      <c r="D354" s="1">
        <v>307</v>
      </c>
      <c r="E354" s="1">
        <v>13.92</v>
      </c>
      <c r="F354" s="1">
        <v>4273.4399999999996</v>
      </c>
      <c r="G354" s="1" t="s">
        <v>6</v>
      </c>
    </row>
    <row r="355" spans="2:7" x14ac:dyDescent="0.35">
      <c r="B355" s="16">
        <v>44484</v>
      </c>
      <c r="C355" s="15">
        <v>44484.389074074075</v>
      </c>
      <c r="D355" s="1">
        <v>502</v>
      </c>
      <c r="E355" s="1">
        <v>13.92</v>
      </c>
      <c r="F355" s="1">
        <v>6987.84</v>
      </c>
      <c r="G355" s="1" t="s">
        <v>6</v>
      </c>
    </row>
    <row r="356" spans="2:7" x14ac:dyDescent="0.35">
      <c r="B356" s="16">
        <v>44484</v>
      </c>
      <c r="C356" s="15">
        <v>44484.389074074075</v>
      </c>
      <c r="D356" s="1">
        <v>441</v>
      </c>
      <c r="E356" s="1">
        <v>13.92</v>
      </c>
      <c r="F356" s="1">
        <v>6138.72</v>
      </c>
      <c r="G356" s="1" t="s">
        <v>6</v>
      </c>
    </row>
    <row r="357" spans="2:7" x14ac:dyDescent="0.35">
      <c r="B357" s="16">
        <v>44484</v>
      </c>
      <c r="C357" s="15">
        <v>44484.394444444442</v>
      </c>
      <c r="D357" s="1">
        <v>388</v>
      </c>
      <c r="E357" s="1">
        <v>13.92</v>
      </c>
      <c r="F357" s="1">
        <v>5400.96</v>
      </c>
      <c r="G357" s="1" t="s">
        <v>6</v>
      </c>
    </row>
    <row r="358" spans="2:7" x14ac:dyDescent="0.35">
      <c r="B358" s="16">
        <v>44484</v>
      </c>
      <c r="C358" s="15">
        <v>44484.394444444442</v>
      </c>
      <c r="D358" s="1">
        <v>80</v>
      </c>
      <c r="E358" s="1">
        <v>13.92</v>
      </c>
      <c r="F358" s="1">
        <v>1113.5999999999999</v>
      </c>
      <c r="G358" s="1" t="s">
        <v>6</v>
      </c>
    </row>
    <row r="359" spans="2:7" x14ac:dyDescent="0.35">
      <c r="B359" s="16">
        <v>44484</v>
      </c>
      <c r="C359" s="15">
        <v>44484.394444444442</v>
      </c>
      <c r="D359" s="1">
        <v>170</v>
      </c>
      <c r="E359" s="1">
        <v>13.92</v>
      </c>
      <c r="F359" s="1">
        <v>2366.4</v>
      </c>
      <c r="G359" s="1" t="s">
        <v>6</v>
      </c>
    </row>
    <row r="360" spans="2:7" x14ac:dyDescent="0.35">
      <c r="B360" s="16">
        <v>44484</v>
      </c>
      <c r="C360" s="15">
        <v>44484.394444444442</v>
      </c>
      <c r="D360" s="1">
        <v>388</v>
      </c>
      <c r="E360" s="1">
        <v>13.92</v>
      </c>
      <c r="F360" s="1">
        <v>5400.96</v>
      </c>
      <c r="G360" s="1" t="s">
        <v>6</v>
      </c>
    </row>
    <row r="361" spans="2:7" x14ac:dyDescent="0.35">
      <c r="B361" s="16">
        <v>44484</v>
      </c>
      <c r="C361" s="15">
        <v>44484.394444444442</v>
      </c>
      <c r="D361" s="1">
        <v>81</v>
      </c>
      <c r="E361" s="1">
        <v>13.92</v>
      </c>
      <c r="F361" s="1">
        <v>1127.52</v>
      </c>
      <c r="G361" s="1" t="s">
        <v>6</v>
      </c>
    </row>
    <row r="362" spans="2:7" x14ac:dyDescent="0.35">
      <c r="B362" s="16">
        <v>44484</v>
      </c>
      <c r="C362" s="15">
        <v>44484.394444444442</v>
      </c>
      <c r="D362" s="1">
        <v>249</v>
      </c>
      <c r="E362" s="1">
        <v>13.92</v>
      </c>
      <c r="F362" s="1">
        <v>3466.08</v>
      </c>
      <c r="G362" s="1" t="s">
        <v>6</v>
      </c>
    </row>
    <row r="363" spans="2:7" x14ac:dyDescent="0.35">
      <c r="B363" s="16">
        <v>44484</v>
      </c>
      <c r="C363" s="15">
        <v>44484.394444444442</v>
      </c>
      <c r="D363" s="1">
        <v>639</v>
      </c>
      <c r="E363" s="1">
        <v>13.92</v>
      </c>
      <c r="F363" s="1">
        <v>8894.8799999999992</v>
      </c>
      <c r="G363" s="1" t="s">
        <v>6</v>
      </c>
    </row>
    <row r="364" spans="2:7" x14ac:dyDescent="0.35">
      <c r="B364" s="16">
        <v>44484</v>
      </c>
      <c r="C364" s="15">
        <v>44484.394444444442</v>
      </c>
      <c r="D364" s="1">
        <v>488</v>
      </c>
      <c r="E364" s="1">
        <v>13.92</v>
      </c>
      <c r="F364" s="1">
        <v>6792.96</v>
      </c>
      <c r="G364" s="1" t="s">
        <v>6</v>
      </c>
    </row>
    <row r="365" spans="2:7" x14ac:dyDescent="0.35">
      <c r="B365" s="16">
        <v>44484</v>
      </c>
      <c r="C365" s="15">
        <v>44484.396678240744</v>
      </c>
      <c r="D365" s="1">
        <v>234</v>
      </c>
      <c r="E365" s="1">
        <v>13.88</v>
      </c>
      <c r="F365" s="1">
        <v>3247.92</v>
      </c>
      <c r="G365" s="1" t="s">
        <v>6</v>
      </c>
    </row>
    <row r="366" spans="2:7" x14ac:dyDescent="0.35">
      <c r="B366" s="16">
        <v>44484</v>
      </c>
      <c r="C366" s="15">
        <v>44484.422291666669</v>
      </c>
      <c r="D366" s="1">
        <v>326</v>
      </c>
      <c r="E366" s="1">
        <v>13.84</v>
      </c>
      <c r="F366" s="1">
        <v>4511.84</v>
      </c>
      <c r="G366" s="1" t="s">
        <v>6</v>
      </c>
    </row>
    <row r="367" spans="2:7" x14ac:dyDescent="0.35">
      <c r="B367" s="16">
        <v>44484</v>
      </c>
      <c r="C367" s="15">
        <v>44484.437847222223</v>
      </c>
      <c r="D367" s="1">
        <v>338</v>
      </c>
      <c r="E367" s="1">
        <v>13.8</v>
      </c>
      <c r="F367" s="1">
        <v>4664.4000000000005</v>
      </c>
      <c r="G367" s="1" t="s">
        <v>6</v>
      </c>
    </row>
    <row r="368" spans="2:7" x14ac:dyDescent="0.35">
      <c r="B368" s="16">
        <v>44484</v>
      </c>
      <c r="C368" s="15">
        <v>44484.445983796293</v>
      </c>
      <c r="D368" s="1">
        <v>382</v>
      </c>
      <c r="E368" s="1">
        <v>13.8</v>
      </c>
      <c r="F368" s="1">
        <v>5271.6</v>
      </c>
      <c r="G368" s="1" t="s">
        <v>6</v>
      </c>
    </row>
    <row r="369" spans="2:7" x14ac:dyDescent="0.35">
      <c r="B369" s="16">
        <v>44484</v>
      </c>
      <c r="C369" s="15">
        <v>44484.482546296298</v>
      </c>
      <c r="D369" s="1">
        <v>34</v>
      </c>
      <c r="E369" s="1">
        <v>13.76</v>
      </c>
      <c r="F369" s="1">
        <v>467.84</v>
      </c>
      <c r="G369" s="1" t="s">
        <v>6</v>
      </c>
    </row>
    <row r="370" spans="2:7" x14ac:dyDescent="0.35">
      <c r="B370" s="16">
        <v>44484</v>
      </c>
      <c r="C370" s="15">
        <v>44484.482546296298</v>
      </c>
      <c r="D370" s="1">
        <v>143</v>
      </c>
      <c r="E370" s="1">
        <v>13.76</v>
      </c>
      <c r="F370" s="1">
        <v>1967.68</v>
      </c>
      <c r="G370" s="1" t="s">
        <v>6</v>
      </c>
    </row>
    <row r="371" spans="2:7" x14ac:dyDescent="0.35">
      <c r="B371" s="16">
        <v>44484</v>
      </c>
      <c r="C371" s="15">
        <v>44484.482546296298</v>
      </c>
      <c r="D371" s="1">
        <v>164</v>
      </c>
      <c r="E371" s="1">
        <v>13.76</v>
      </c>
      <c r="F371" s="1">
        <v>2256.64</v>
      </c>
      <c r="G371" s="1" t="s">
        <v>6</v>
      </c>
    </row>
    <row r="372" spans="2:7" x14ac:dyDescent="0.35">
      <c r="B372" s="16">
        <v>44484</v>
      </c>
      <c r="C372" s="15">
        <v>44484.502337962964</v>
      </c>
      <c r="D372" s="1">
        <v>295</v>
      </c>
      <c r="E372" s="1">
        <v>13.78</v>
      </c>
      <c r="F372" s="1">
        <v>4065.1</v>
      </c>
      <c r="G372" s="1" t="s">
        <v>6</v>
      </c>
    </row>
    <row r="373" spans="2:7" x14ac:dyDescent="0.35">
      <c r="B373" s="16">
        <v>44484</v>
      </c>
      <c r="C373" s="15">
        <v>44484.502337962964</v>
      </c>
      <c r="D373" s="1">
        <v>52</v>
      </c>
      <c r="E373" s="1">
        <v>13.78</v>
      </c>
      <c r="F373" s="1">
        <v>716.56</v>
      </c>
      <c r="G373" s="1" t="s">
        <v>6</v>
      </c>
    </row>
    <row r="374" spans="2:7" x14ac:dyDescent="0.35">
      <c r="B374" s="16">
        <v>44484</v>
      </c>
      <c r="C374" s="15">
        <v>44484.544745370367</v>
      </c>
      <c r="D374" s="1">
        <v>261</v>
      </c>
      <c r="E374" s="1">
        <v>13.76</v>
      </c>
      <c r="F374" s="1">
        <v>3591.36</v>
      </c>
      <c r="G374" s="1" t="s">
        <v>6</v>
      </c>
    </row>
    <row r="375" spans="2:7" x14ac:dyDescent="0.35">
      <c r="B375" s="16">
        <v>44484</v>
      </c>
      <c r="C375" s="15">
        <v>44484.544745370367</v>
      </c>
      <c r="D375" s="1">
        <v>355</v>
      </c>
      <c r="E375" s="1">
        <v>13.76</v>
      </c>
      <c r="F375" s="1">
        <v>4884.8</v>
      </c>
      <c r="G375" s="1" t="s">
        <v>6</v>
      </c>
    </row>
    <row r="376" spans="2:7" x14ac:dyDescent="0.35">
      <c r="B376" s="16">
        <v>44484</v>
      </c>
      <c r="C376" s="15">
        <v>44484.544745370367</v>
      </c>
      <c r="D376" s="1">
        <v>99</v>
      </c>
      <c r="E376" s="1">
        <v>13.76</v>
      </c>
      <c r="F376" s="1">
        <v>1362.24</v>
      </c>
      <c r="G376" s="1" t="s">
        <v>6</v>
      </c>
    </row>
    <row r="377" spans="2:7" x14ac:dyDescent="0.35">
      <c r="B377" s="16">
        <v>44484</v>
      </c>
      <c r="C377" s="15">
        <v>44484.589120370372</v>
      </c>
      <c r="D377" s="1">
        <v>22</v>
      </c>
      <c r="E377" s="1">
        <v>13.84</v>
      </c>
      <c r="F377" s="1">
        <v>304.48</v>
      </c>
      <c r="G377" s="1" t="s">
        <v>6</v>
      </c>
    </row>
    <row r="378" spans="2:7" x14ac:dyDescent="0.35">
      <c r="B378" s="16">
        <v>44484</v>
      </c>
      <c r="C378" s="15">
        <v>44484.589120370372</v>
      </c>
      <c r="D378" s="1">
        <v>250</v>
      </c>
      <c r="E378" s="1">
        <v>13.84</v>
      </c>
      <c r="F378" s="1">
        <v>3460</v>
      </c>
      <c r="G378" s="1" t="s">
        <v>6</v>
      </c>
    </row>
    <row r="379" spans="2:7" x14ac:dyDescent="0.35">
      <c r="B379" s="16">
        <v>44484</v>
      </c>
      <c r="C379" s="15">
        <v>44484.589120370372</v>
      </c>
      <c r="D379" s="1">
        <v>468</v>
      </c>
      <c r="E379" s="1">
        <v>13.84</v>
      </c>
      <c r="F379" s="1">
        <v>6477.12</v>
      </c>
      <c r="G379" s="1" t="s">
        <v>6</v>
      </c>
    </row>
    <row r="380" spans="2:7" x14ac:dyDescent="0.35">
      <c r="B380" s="16">
        <v>44484</v>
      </c>
      <c r="C380" s="15">
        <v>44484.64806712963</v>
      </c>
      <c r="D380" s="1">
        <v>269</v>
      </c>
      <c r="E380" s="1">
        <v>13.94</v>
      </c>
      <c r="F380" s="1">
        <v>3749.8599999999997</v>
      </c>
      <c r="G380" s="1" t="s">
        <v>6</v>
      </c>
    </row>
    <row r="381" spans="2:7" x14ac:dyDescent="0.35">
      <c r="B381" s="16">
        <v>44484</v>
      </c>
      <c r="C381" s="15">
        <v>44484.64806712963</v>
      </c>
      <c r="D381" s="1">
        <v>72</v>
      </c>
      <c r="E381" s="1">
        <v>13.94</v>
      </c>
      <c r="F381" s="1">
        <v>1003.68</v>
      </c>
      <c r="G381" s="1" t="s">
        <v>6</v>
      </c>
    </row>
    <row r="382" spans="2:7" x14ac:dyDescent="0.35">
      <c r="B382" s="16">
        <v>44484</v>
      </c>
      <c r="C382" s="15">
        <v>44484.651944444442</v>
      </c>
      <c r="D382" s="1">
        <v>769</v>
      </c>
      <c r="E382" s="1">
        <v>13.9</v>
      </c>
      <c r="F382" s="1">
        <v>10689.1</v>
      </c>
      <c r="G382" s="1" t="s">
        <v>6</v>
      </c>
    </row>
    <row r="383" spans="2:7" x14ac:dyDescent="0.35">
      <c r="B383" s="16">
        <v>44484</v>
      </c>
      <c r="C383" s="15">
        <v>44484.66847222222</v>
      </c>
      <c r="D383" s="1">
        <v>325</v>
      </c>
      <c r="E383" s="1">
        <v>13.9</v>
      </c>
      <c r="F383" s="1">
        <v>4517.5</v>
      </c>
      <c r="G383" s="1" t="s">
        <v>6</v>
      </c>
    </row>
    <row r="384" spans="2:7" x14ac:dyDescent="0.35">
      <c r="B384" s="16">
        <v>44484</v>
      </c>
      <c r="C384" s="15">
        <v>44484.684571759259</v>
      </c>
      <c r="D384" s="1">
        <v>327</v>
      </c>
      <c r="E384" s="1">
        <v>13.92</v>
      </c>
      <c r="F384" s="1">
        <v>4551.84</v>
      </c>
      <c r="G384" s="1" t="s">
        <v>6</v>
      </c>
    </row>
    <row r="385" spans="2:7" x14ac:dyDescent="0.35">
      <c r="B385" s="16">
        <v>44484</v>
      </c>
      <c r="C385" s="15">
        <v>44484.706331018519</v>
      </c>
      <c r="D385" s="1">
        <v>162</v>
      </c>
      <c r="E385" s="1">
        <v>13.92</v>
      </c>
      <c r="F385" s="1">
        <v>2255.04</v>
      </c>
      <c r="G385" s="1" t="s">
        <v>6</v>
      </c>
    </row>
    <row r="386" spans="2:7" x14ac:dyDescent="0.35">
      <c r="B386" s="16">
        <v>44484</v>
      </c>
      <c r="C386" s="15">
        <v>44484.706331018519</v>
      </c>
      <c r="D386" s="1">
        <v>487</v>
      </c>
      <c r="E386" s="1">
        <v>13.92</v>
      </c>
      <c r="F386" s="1">
        <v>6779.04</v>
      </c>
      <c r="G386" s="1" t="s">
        <v>6</v>
      </c>
    </row>
  </sheetData>
  <mergeCells count="2">
    <mergeCell ref="A2:G2"/>
    <mergeCell ref="B10:G10"/>
  </mergeCells>
  <pageMargins left="0.7" right="0.7" top="0.75" bottom="0.75" header="0.3" footer="0.3"/>
  <pageSetup paperSize="9" orientation="portrait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6A4660D-EE95-40FF-A5F7-9DECC485AE85}">
  <dimension ref="A2:L298"/>
  <sheetViews>
    <sheetView zoomScale="80" zoomScaleNormal="80" workbookViewId="0">
      <selection activeCell="F6" sqref="F6"/>
    </sheetView>
  </sheetViews>
  <sheetFormatPr defaultColWidth="9" defaultRowHeight="14.5" x14ac:dyDescent="0.35"/>
  <cols>
    <col min="1" max="1" width="3.58203125" style="1" customWidth="1"/>
    <col min="2" max="2" width="14.33203125" style="1" customWidth="1"/>
    <col min="3" max="3" width="15.25" style="1" bestFit="1" customWidth="1"/>
    <col min="4" max="4" width="10.58203125" style="1" customWidth="1"/>
    <col min="5" max="5" width="10" style="1" customWidth="1"/>
    <col min="6" max="6" width="14.33203125" style="1" customWidth="1"/>
    <col min="7" max="7" width="17.5" style="1" customWidth="1"/>
    <col min="8" max="16384" width="9" style="1"/>
  </cols>
  <sheetData>
    <row r="2" spans="1:12" ht="21" x14ac:dyDescent="0.5">
      <c r="A2" s="73" t="s">
        <v>0</v>
      </c>
      <c r="B2" s="73"/>
      <c r="C2" s="73"/>
      <c r="D2" s="73"/>
      <c r="E2" s="73"/>
      <c r="F2" s="73"/>
      <c r="G2" s="73"/>
    </row>
    <row r="8" spans="1:12" x14ac:dyDescent="0.35">
      <c r="L8"/>
    </row>
    <row r="10" spans="1:12" ht="18.75" customHeight="1" x14ac:dyDescent="0.35">
      <c r="B10" s="74" t="s">
        <v>11</v>
      </c>
      <c r="C10" s="74"/>
      <c r="D10" s="74"/>
      <c r="E10" s="74"/>
      <c r="F10" s="74"/>
      <c r="G10" s="74"/>
    </row>
    <row r="11" spans="1:12" ht="18.75" customHeight="1" x14ac:dyDescent="0.35">
      <c r="B11" s="2" t="s">
        <v>7</v>
      </c>
      <c r="C11" s="2" t="s">
        <v>12</v>
      </c>
      <c r="D11" s="2" t="s">
        <v>13</v>
      </c>
      <c r="E11" s="2" t="s">
        <v>14</v>
      </c>
      <c r="F11" s="2" t="s">
        <v>15</v>
      </c>
      <c r="G11" s="2" t="s">
        <v>16</v>
      </c>
    </row>
    <row r="12" spans="1:12" x14ac:dyDescent="0.35">
      <c r="B12" s="16">
        <v>44473</v>
      </c>
      <c r="C12" s="15">
        <v>44473.378576388888</v>
      </c>
      <c r="D12" s="1">
        <v>306</v>
      </c>
      <c r="E12" s="1">
        <v>13.26</v>
      </c>
      <c r="F12" s="1">
        <v>4057.56</v>
      </c>
      <c r="G12" s="1" t="s">
        <v>6</v>
      </c>
    </row>
    <row r="13" spans="1:12" x14ac:dyDescent="0.35">
      <c r="B13" s="16">
        <v>44473</v>
      </c>
      <c r="C13" s="15">
        <v>44473.38790509259</v>
      </c>
      <c r="D13" s="1">
        <v>27</v>
      </c>
      <c r="E13" s="1">
        <v>13.32</v>
      </c>
      <c r="F13" s="1">
        <v>359.64</v>
      </c>
      <c r="G13" s="1" t="s">
        <v>6</v>
      </c>
    </row>
    <row r="14" spans="1:12" x14ac:dyDescent="0.35">
      <c r="B14" s="16">
        <v>44473</v>
      </c>
      <c r="C14" s="15">
        <v>44473.387916666667</v>
      </c>
      <c r="D14" s="1">
        <v>20</v>
      </c>
      <c r="E14" s="1">
        <v>13.32</v>
      </c>
      <c r="F14" s="1">
        <v>266.39999999999998</v>
      </c>
      <c r="G14" s="1" t="s">
        <v>6</v>
      </c>
    </row>
    <row r="15" spans="1:12" x14ac:dyDescent="0.35">
      <c r="B15" s="16">
        <v>44473</v>
      </c>
      <c r="C15" s="15">
        <v>44473.38857638889</v>
      </c>
      <c r="D15" s="1">
        <v>250</v>
      </c>
      <c r="E15" s="1">
        <v>13.36</v>
      </c>
      <c r="F15" s="1">
        <v>3340</v>
      </c>
      <c r="G15" s="1" t="s">
        <v>6</v>
      </c>
    </row>
    <row r="16" spans="1:12" x14ac:dyDescent="0.35">
      <c r="B16" s="16">
        <v>44473</v>
      </c>
      <c r="C16" s="15">
        <v>44473.38857638889</v>
      </c>
      <c r="D16" s="1">
        <v>26</v>
      </c>
      <c r="E16" s="1">
        <v>13.36</v>
      </c>
      <c r="F16" s="1">
        <v>347.36</v>
      </c>
      <c r="G16" s="1" t="s">
        <v>6</v>
      </c>
    </row>
    <row r="17" spans="2:7" x14ac:dyDescent="0.35">
      <c r="B17" s="16">
        <v>44473</v>
      </c>
      <c r="C17" s="15">
        <v>44473.388680555552</v>
      </c>
      <c r="D17" s="1">
        <v>41</v>
      </c>
      <c r="E17" s="1">
        <v>13.36</v>
      </c>
      <c r="F17" s="1">
        <v>547.76</v>
      </c>
      <c r="G17" s="1" t="s">
        <v>6</v>
      </c>
    </row>
    <row r="18" spans="2:7" x14ac:dyDescent="0.35">
      <c r="B18" s="16">
        <v>44473</v>
      </c>
      <c r="C18" s="15">
        <v>44473.388680555552</v>
      </c>
      <c r="D18" s="1">
        <v>900</v>
      </c>
      <c r="E18" s="1">
        <v>13.36</v>
      </c>
      <c r="F18" s="1">
        <v>12024</v>
      </c>
      <c r="G18" s="1" t="s">
        <v>6</v>
      </c>
    </row>
    <row r="19" spans="2:7" x14ac:dyDescent="0.35">
      <c r="B19" s="16">
        <v>44473</v>
      </c>
      <c r="C19" s="15">
        <v>44473.413229166668</v>
      </c>
      <c r="D19" s="1">
        <v>50</v>
      </c>
      <c r="E19" s="1">
        <v>13.34</v>
      </c>
      <c r="F19" s="1">
        <v>667</v>
      </c>
      <c r="G19" s="1" t="s">
        <v>6</v>
      </c>
    </row>
    <row r="20" spans="2:7" x14ac:dyDescent="0.35">
      <c r="B20" s="16">
        <v>44473</v>
      </c>
      <c r="C20" s="15">
        <v>44473.413229166668</v>
      </c>
      <c r="D20" s="1">
        <v>250</v>
      </c>
      <c r="E20" s="1">
        <v>13.34</v>
      </c>
      <c r="F20" s="1">
        <v>3335</v>
      </c>
      <c r="G20" s="1" t="s">
        <v>6</v>
      </c>
    </row>
    <row r="21" spans="2:7" x14ac:dyDescent="0.35">
      <c r="B21" s="16">
        <v>44473</v>
      </c>
      <c r="C21" s="15">
        <v>44473.414606481485</v>
      </c>
      <c r="D21" s="1">
        <v>678</v>
      </c>
      <c r="E21" s="1">
        <v>13.32</v>
      </c>
      <c r="F21" s="1">
        <v>9030.9600000000009</v>
      </c>
      <c r="G21" s="1" t="s">
        <v>6</v>
      </c>
    </row>
    <row r="22" spans="2:7" x14ac:dyDescent="0.35">
      <c r="B22" s="16">
        <v>44473</v>
      </c>
      <c r="C22" s="15">
        <v>44473.423101851855</v>
      </c>
      <c r="D22" s="1">
        <v>619</v>
      </c>
      <c r="E22" s="1">
        <v>13.44</v>
      </c>
      <c r="F22" s="1">
        <v>8319.36</v>
      </c>
      <c r="G22" s="1" t="s">
        <v>6</v>
      </c>
    </row>
    <row r="23" spans="2:7" x14ac:dyDescent="0.35">
      <c r="B23" s="16">
        <v>44473</v>
      </c>
      <c r="C23" s="15">
        <v>44473.440891203703</v>
      </c>
      <c r="D23" s="1">
        <v>642</v>
      </c>
      <c r="E23" s="1">
        <v>13.44</v>
      </c>
      <c r="F23" s="1">
        <v>8628.48</v>
      </c>
      <c r="G23" s="1" t="s">
        <v>6</v>
      </c>
    </row>
    <row r="24" spans="2:7" x14ac:dyDescent="0.35">
      <c r="B24" s="16">
        <v>44473</v>
      </c>
      <c r="C24" s="15">
        <v>44473.452199074076</v>
      </c>
      <c r="D24" s="1">
        <v>626</v>
      </c>
      <c r="E24" s="1">
        <v>13.36</v>
      </c>
      <c r="F24" s="1">
        <v>8363.3599999999988</v>
      </c>
      <c r="G24" s="1" t="s">
        <v>6</v>
      </c>
    </row>
    <row r="25" spans="2:7" x14ac:dyDescent="0.35">
      <c r="B25" s="16">
        <v>44473</v>
      </c>
      <c r="C25" s="15">
        <v>44473.481273148151</v>
      </c>
      <c r="D25" s="1">
        <v>325</v>
      </c>
      <c r="E25" s="1">
        <v>13.54</v>
      </c>
      <c r="F25" s="1">
        <v>4400.5</v>
      </c>
      <c r="G25" s="1" t="s">
        <v>6</v>
      </c>
    </row>
    <row r="26" spans="2:7" x14ac:dyDescent="0.35">
      <c r="B26" s="16">
        <v>44473</v>
      </c>
      <c r="C26" s="15">
        <v>44473.481273148151</v>
      </c>
      <c r="D26" s="1">
        <v>131</v>
      </c>
      <c r="E26" s="1">
        <v>13.54</v>
      </c>
      <c r="F26" s="1">
        <v>1773.7399999999998</v>
      </c>
      <c r="G26" s="1" t="s">
        <v>6</v>
      </c>
    </row>
    <row r="27" spans="2:7" x14ac:dyDescent="0.35">
      <c r="B27" s="16">
        <v>44473</v>
      </c>
      <c r="C27" s="15">
        <v>44473.481273148151</v>
      </c>
      <c r="D27" s="1">
        <v>197</v>
      </c>
      <c r="E27" s="1">
        <v>13.54</v>
      </c>
      <c r="F27" s="1">
        <v>2667.3799999999997</v>
      </c>
      <c r="G27" s="1" t="s">
        <v>6</v>
      </c>
    </row>
    <row r="28" spans="2:7" x14ac:dyDescent="0.35">
      <c r="B28" s="16">
        <v>44473</v>
      </c>
      <c r="C28" s="15">
        <v>44473.481273148151</v>
      </c>
      <c r="D28" s="1">
        <v>84</v>
      </c>
      <c r="E28" s="1">
        <v>13.54</v>
      </c>
      <c r="F28" s="1">
        <v>1137.3599999999999</v>
      </c>
      <c r="G28" s="1" t="s">
        <v>6</v>
      </c>
    </row>
    <row r="29" spans="2:7" x14ac:dyDescent="0.35">
      <c r="B29" s="16">
        <v>44473</v>
      </c>
      <c r="C29" s="15">
        <v>44473.481273148151</v>
      </c>
      <c r="D29" s="1">
        <v>222</v>
      </c>
      <c r="E29" s="1">
        <v>13.54</v>
      </c>
      <c r="F29" s="1">
        <v>3005.8799999999997</v>
      </c>
      <c r="G29" s="1" t="s">
        <v>6</v>
      </c>
    </row>
    <row r="30" spans="2:7" x14ac:dyDescent="0.35">
      <c r="B30" s="16">
        <v>44473</v>
      </c>
      <c r="C30" s="15">
        <v>44473.481273148151</v>
      </c>
      <c r="D30" s="1">
        <v>134</v>
      </c>
      <c r="E30" s="1">
        <v>13.54</v>
      </c>
      <c r="F30" s="1">
        <v>1814.36</v>
      </c>
      <c r="G30" s="1" t="s">
        <v>6</v>
      </c>
    </row>
    <row r="31" spans="2:7" x14ac:dyDescent="0.35">
      <c r="B31" s="16">
        <v>44473</v>
      </c>
      <c r="C31" s="15">
        <v>44473.481273148151</v>
      </c>
      <c r="D31" s="1">
        <v>182</v>
      </c>
      <c r="E31" s="1">
        <v>13.54</v>
      </c>
      <c r="F31" s="1">
        <v>2464.2799999999997</v>
      </c>
      <c r="G31" s="1" t="s">
        <v>6</v>
      </c>
    </row>
    <row r="32" spans="2:7" x14ac:dyDescent="0.35">
      <c r="B32" s="16">
        <v>44473</v>
      </c>
      <c r="C32" s="15">
        <v>44473.481273148151</v>
      </c>
      <c r="D32" s="1">
        <v>12</v>
      </c>
      <c r="E32" s="1">
        <v>13.54</v>
      </c>
      <c r="F32" s="1">
        <v>162.47999999999999</v>
      </c>
      <c r="G32" s="1" t="s">
        <v>6</v>
      </c>
    </row>
    <row r="33" spans="2:7" x14ac:dyDescent="0.35">
      <c r="B33" s="16">
        <v>44473</v>
      </c>
      <c r="C33" s="15">
        <v>44473.5000462963</v>
      </c>
      <c r="D33" s="1">
        <v>34</v>
      </c>
      <c r="E33" s="1">
        <v>13.5</v>
      </c>
      <c r="F33" s="1">
        <v>459</v>
      </c>
      <c r="G33" s="1" t="s">
        <v>6</v>
      </c>
    </row>
    <row r="34" spans="2:7" x14ac:dyDescent="0.35">
      <c r="B34" s="16">
        <v>44473</v>
      </c>
      <c r="C34" s="15">
        <v>44473.5000462963</v>
      </c>
      <c r="D34" s="1">
        <v>298</v>
      </c>
      <c r="E34" s="1">
        <v>13.5</v>
      </c>
      <c r="F34" s="1">
        <v>4023</v>
      </c>
      <c r="G34" s="1" t="s">
        <v>6</v>
      </c>
    </row>
    <row r="35" spans="2:7" x14ac:dyDescent="0.35">
      <c r="B35" s="16">
        <v>44473</v>
      </c>
      <c r="C35" s="15">
        <v>44473.526377314818</v>
      </c>
      <c r="D35" s="1">
        <v>24</v>
      </c>
      <c r="E35" s="1">
        <v>13.54</v>
      </c>
      <c r="F35" s="1">
        <v>324.95999999999998</v>
      </c>
      <c r="G35" s="1" t="s">
        <v>6</v>
      </c>
    </row>
    <row r="36" spans="2:7" x14ac:dyDescent="0.35">
      <c r="B36" s="16">
        <v>44473</v>
      </c>
      <c r="C36" s="15">
        <v>44473.526377314818</v>
      </c>
      <c r="D36" s="1">
        <v>46</v>
      </c>
      <c r="E36" s="1">
        <v>13.54</v>
      </c>
      <c r="F36" s="1">
        <v>622.83999999999992</v>
      </c>
      <c r="G36" s="1" t="s">
        <v>6</v>
      </c>
    </row>
    <row r="37" spans="2:7" x14ac:dyDescent="0.35">
      <c r="B37" s="16">
        <v>44473</v>
      </c>
      <c r="C37" s="15">
        <v>44473.526377314818</v>
      </c>
      <c r="D37" s="1">
        <v>242</v>
      </c>
      <c r="E37" s="1">
        <v>13.54</v>
      </c>
      <c r="F37" s="1">
        <v>3276.68</v>
      </c>
      <c r="G37" s="1" t="s">
        <v>6</v>
      </c>
    </row>
    <row r="38" spans="2:7" x14ac:dyDescent="0.35">
      <c r="B38" s="16">
        <v>44473</v>
      </c>
      <c r="C38" s="15">
        <v>44473.533009259256</v>
      </c>
      <c r="D38" s="1">
        <v>325</v>
      </c>
      <c r="E38" s="1">
        <v>13.5</v>
      </c>
      <c r="F38" s="1">
        <v>4387.5</v>
      </c>
      <c r="G38" s="1" t="s">
        <v>6</v>
      </c>
    </row>
    <row r="39" spans="2:7" x14ac:dyDescent="0.35">
      <c r="B39" s="16">
        <v>44473</v>
      </c>
      <c r="C39" s="15">
        <v>44473.533009259256</v>
      </c>
      <c r="D39" s="1">
        <v>1</v>
      </c>
      <c r="E39" s="1">
        <v>13.5</v>
      </c>
      <c r="F39" s="1">
        <v>13.5</v>
      </c>
      <c r="G39" s="1" t="s">
        <v>6</v>
      </c>
    </row>
    <row r="40" spans="2:7" x14ac:dyDescent="0.35">
      <c r="B40" s="16">
        <v>44473</v>
      </c>
      <c r="C40" s="15">
        <v>44473.533009259256</v>
      </c>
      <c r="D40" s="1">
        <v>200</v>
      </c>
      <c r="E40" s="1">
        <v>13.5</v>
      </c>
      <c r="F40" s="1">
        <v>2700</v>
      </c>
      <c r="G40" s="1" t="s">
        <v>6</v>
      </c>
    </row>
    <row r="41" spans="2:7" x14ac:dyDescent="0.35">
      <c r="B41" s="16">
        <v>44473</v>
      </c>
      <c r="C41" s="15">
        <v>44473.533009259256</v>
      </c>
      <c r="D41" s="1">
        <v>111</v>
      </c>
      <c r="E41" s="1">
        <v>13.5</v>
      </c>
      <c r="F41" s="1">
        <v>1498.5</v>
      </c>
      <c r="G41" s="1" t="s">
        <v>6</v>
      </c>
    </row>
    <row r="42" spans="2:7" x14ac:dyDescent="0.35">
      <c r="B42" s="16">
        <v>44473</v>
      </c>
      <c r="C42" s="15">
        <v>44473.533009259256</v>
      </c>
      <c r="D42" s="1">
        <v>139</v>
      </c>
      <c r="E42" s="1">
        <v>13.5</v>
      </c>
      <c r="F42" s="1">
        <v>1876.5</v>
      </c>
      <c r="G42" s="1" t="s">
        <v>6</v>
      </c>
    </row>
    <row r="43" spans="2:7" x14ac:dyDescent="0.35">
      <c r="B43" s="16">
        <v>44473</v>
      </c>
      <c r="C43" s="15">
        <v>44473.533009259256</v>
      </c>
      <c r="D43" s="1">
        <v>229</v>
      </c>
      <c r="E43" s="1">
        <v>13.5</v>
      </c>
      <c r="F43" s="1">
        <v>3091.5</v>
      </c>
      <c r="G43" s="1" t="s">
        <v>6</v>
      </c>
    </row>
    <row r="44" spans="2:7" x14ac:dyDescent="0.35">
      <c r="B44" s="16">
        <v>44473</v>
      </c>
      <c r="C44" s="15">
        <v>44473.569490740738</v>
      </c>
      <c r="D44" s="1">
        <v>42</v>
      </c>
      <c r="E44" s="1">
        <v>13.52</v>
      </c>
      <c r="F44" s="1">
        <v>567.84</v>
      </c>
      <c r="G44" s="1" t="s">
        <v>6</v>
      </c>
    </row>
    <row r="45" spans="2:7" x14ac:dyDescent="0.35">
      <c r="B45" s="16">
        <v>44473</v>
      </c>
      <c r="C45" s="15">
        <v>44473.569490740738</v>
      </c>
      <c r="D45" s="1">
        <v>265</v>
      </c>
      <c r="E45" s="1">
        <v>13.52</v>
      </c>
      <c r="F45" s="1">
        <v>3582.7999999999997</v>
      </c>
      <c r="G45" s="1" t="s">
        <v>6</v>
      </c>
    </row>
    <row r="46" spans="2:7" x14ac:dyDescent="0.35">
      <c r="B46" s="16">
        <v>44473</v>
      </c>
      <c r="C46" s="15">
        <v>44473.576504629629</v>
      </c>
      <c r="D46" s="1">
        <v>242</v>
      </c>
      <c r="E46" s="1">
        <v>13.48</v>
      </c>
      <c r="F46" s="1">
        <v>3262.1600000000003</v>
      </c>
      <c r="G46" s="1" t="s">
        <v>6</v>
      </c>
    </row>
    <row r="47" spans="2:7" x14ac:dyDescent="0.35">
      <c r="B47" s="16">
        <v>44473</v>
      </c>
      <c r="C47" s="15">
        <v>44473.576504629629</v>
      </c>
      <c r="D47" s="1">
        <v>368</v>
      </c>
      <c r="E47" s="1">
        <v>13.48</v>
      </c>
      <c r="F47" s="1">
        <v>4960.6400000000003</v>
      </c>
      <c r="G47" s="1" t="s">
        <v>6</v>
      </c>
    </row>
    <row r="48" spans="2:7" x14ac:dyDescent="0.35">
      <c r="B48" s="16">
        <v>44473</v>
      </c>
      <c r="C48" s="15">
        <v>44473.576597222222</v>
      </c>
      <c r="D48" s="1">
        <v>401</v>
      </c>
      <c r="E48" s="1">
        <v>13.5</v>
      </c>
      <c r="F48" s="1">
        <v>5413.5</v>
      </c>
      <c r="G48" s="1" t="s">
        <v>6</v>
      </c>
    </row>
    <row r="49" spans="2:7" x14ac:dyDescent="0.35">
      <c r="B49" s="16">
        <v>44473</v>
      </c>
      <c r="C49" s="15">
        <v>44473.59814814815</v>
      </c>
      <c r="D49" s="1">
        <v>319</v>
      </c>
      <c r="E49" s="1">
        <v>13.48</v>
      </c>
      <c r="F49" s="1">
        <v>4300.12</v>
      </c>
      <c r="G49" s="1" t="s">
        <v>6</v>
      </c>
    </row>
    <row r="50" spans="2:7" x14ac:dyDescent="0.35">
      <c r="B50" s="16">
        <v>44473</v>
      </c>
      <c r="C50" s="15">
        <v>44473.616238425922</v>
      </c>
      <c r="D50" s="1">
        <v>302</v>
      </c>
      <c r="E50" s="1">
        <v>13.52</v>
      </c>
      <c r="F50" s="1">
        <v>4083.04</v>
      </c>
      <c r="G50" s="1" t="s">
        <v>6</v>
      </c>
    </row>
    <row r="51" spans="2:7" x14ac:dyDescent="0.35">
      <c r="B51" s="16">
        <v>44473</v>
      </c>
      <c r="C51" s="15">
        <v>44473.62400462963</v>
      </c>
      <c r="D51" s="1">
        <v>78</v>
      </c>
      <c r="E51" s="1">
        <v>13.6</v>
      </c>
      <c r="F51" s="1">
        <v>1060.8</v>
      </c>
      <c r="G51" s="1" t="s">
        <v>6</v>
      </c>
    </row>
    <row r="52" spans="2:7" x14ac:dyDescent="0.35">
      <c r="B52" s="16">
        <v>44473</v>
      </c>
      <c r="C52" s="15">
        <v>44473.62400462963</v>
      </c>
      <c r="D52" s="1">
        <v>227</v>
      </c>
      <c r="E52" s="1">
        <v>13.6</v>
      </c>
      <c r="F52" s="1">
        <v>3087.2</v>
      </c>
      <c r="G52" s="1" t="s">
        <v>6</v>
      </c>
    </row>
    <row r="53" spans="2:7" x14ac:dyDescent="0.35">
      <c r="B53" s="16">
        <v>44473</v>
      </c>
      <c r="C53" s="15">
        <v>44473.630474537036</v>
      </c>
      <c r="D53" s="1">
        <v>209</v>
      </c>
      <c r="E53" s="1">
        <v>13.58</v>
      </c>
      <c r="F53" s="1">
        <v>2838.22</v>
      </c>
      <c r="G53" s="1" t="s">
        <v>6</v>
      </c>
    </row>
    <row r="54" spans="2:7" x14ac:dyDescent="0.35">
      <c r="B54" s="16">
        <v>44473</v>
      </c>
      <c r="C54" s="15">
        <v>44473.630474537036</v>
      </c>
      <c r="D54" s="1">
        <v>650</v>
      </c>
      <c r="E54" s="1">
        <v>13.58</v>
      </c>
      <c r="F54" s="1">
        <v>8827</v>
      </c>
      <c r="G54" s="1" t="s">
        <v>6</v>
      </c>
    </row>
    <row r="55" spans="2:7" x14ac:dyDescent="0.35">
      <c r="B55" s="16">
        <v>44473</v>
      </c>
      <c r="C55" s="15">
        <v>44473.647152777776</v>
      </c>
      <c r="D55" s="1">
        <v>618</v>
      </c>
      <c r="E55" s="1">
        <v>13.58</v>
      </c>
      <c r="F55" s="1">
        <v>8392.44</v>
      </c>
      <c r="G55" s="1" t="s">
        <v>6</v>
      </c>
    </row>
    <row r="56" spans="2:7" x14ac:dyDescent="0.35">
      <c r="B56" s="16">
        <v>44473</v>
      </c>
      <c r="C56" s="15">
        <v>44473.650891203702</v>
      </c>
      <c r="D56" s="1">
        <v>332</v>
      </c>
      <c r="E56" s="1">
        <v>13.56</v>
      </c>
      <c r="F56" s="1">
        <v>4501.92</v>
      </c>
      <c r="G56" s="1" t="s">
        <v>6</v>
      </c>
    </row>
    <row r="57" spans="2:7" x14ac:dyDescent="0.35">
      <c r="B57" s="16">
        <v>44473</v>
      </c>
      <c r="C57" s="15">
        <v>44473.668993055559</v>
      </c>
      <c r="D57" s="1">
        <v>216</v>
      </c>
      <c r="E57" s="1">
        <v>13.62</v>
      </c>
      <c r="F57" s="1">
        <v>2941.9199999999996</v>
      </c>
      <c r="G57" s="1" t="s">
        <v>6</v>
      </c>
    </row>
    <row r="58" spans="2:7" x14ac:dyDescent="0.35">
      <c r="B58" s="16">
        <v>44473</v>
      </c>
      <c r="C58" s="15">
        <v>44473.668993055559</v>
      </c>
      <c r="D58" s="1">
        <v>85</v>
      </c>
      <c r="E58" s="1">
        <v>13.62</v>
      </c>
      <c r="F58" s="1">
        <v>1157.7</v>
      </c>
      <c r="G58" s="1" t="s">
        <v>6</v>
      </c>
    </row>
    <row r="59" spans="2:7" x14ac:dyDescent="0.35">
      <c r="B59" s="16">
        <v>44473</v>
      </c>
      <c r="C59" s="15">
        <v>44473.670208333337</v>
      </c>
      <c r="D59" s="1">
        <v>937</v>
      </c>
      <c r="E59" s="1">
        <v>13.6</v>
      </c>
      <c r="F59" s="1">
        <v>12743.199999999999</v>
      </c>
      <c r="G59" s="1" t="s">
        <v>6</v>
      </c>
    </row>
    <row r="60" spans="2:7" x14ac:dyDescent="0.35">
      <c r="B60" s="16">
        <v>44473</v>
      </c>
      <c r="C60" s="15">
        <v>44473.679907407408</v>
      </c>
      <c r="D60" s="1">
        <v>326</v>
      </c>
      <c r="E60" s="1">
        <v>13.54</v>
      </c>
      <c r="F60" s="1">
        <v>4414.04</v>
      </c>
      <c r="G60" s="1" t="s">
        <v>6</v>
      </c>
    </row>
    <row r="61" spans="2:7" x14ac:dyDescent="0.35">
      <c r="B61" s="16">
        <v>44473</v>
      </c>
      <c r="C61" s="15">
        <v>44473.682754629626</v>
      </c>
      <c r="D61" s="1">
        <v>331</v>
      </c>
      <c r="E61" s="1">
        <v>13.52</v>
      </c>
      <c r="F61" s="1">
        <v>4475.12</v>
      </c>
      <c r="G61" s="1" t="s">
        <v>6</v>
      </c>
    </row>
    <row r="62" spans="2:7" x14ac:dyDescent="0.35">
      <c r="B62" s="16">
        <v>44473</v>
      </c>
      <c r="C62" s="15">
        <v>44473.691111111111</v>
      </c>
      <c r="D62" s="1">
        <v>328</v>
      </c>
      <c r="E62" s="1">
        <v>13.5</v>
      </c>
      <c r="F62" s="1">
        <v>4428</v>
      </c>
      <c r="G62" s="1" t="s">
        <v>6</v>
      </c>
    </row>
    <row r="63" spans="2:7" x14ac:dyDescent="0.35">
      <c r="B63" s="16">
        <v>44473</v>
      </c>
      <c r="C63" s="15">
        <v>44473.703877314816</v>
      </c>
      <c r="D63" s="1">
        <v>94</v>
      </c>
      <c r="E63" s="1">
        <v>13.44</v>
      </c>
      <c r="F63" s="1">
        <v>1263.3599999999999</v>
      </c>
      <c r="G63" s="1" t="s">
        <v>6</v>
      </c>
    </row>
    <row r="64" spans="2:7" x14ac:dyDescent="0.35">
      <c r="B64" s="16">
        <v>44473</v>
      </c>
      <c r="C64" s="15">
        <v>44473.703877314816</v>
      </c>
      <c r="D64" s="1">
        <v>349</v>
      </c>
      <c r="E64" s="1">
        <v>13.44</v>
      </c>
      <c r="F64" s="1">
        <v>4690.5599999999995</v>
      </c>
      <c r="G64" s="1" t="s">
        <v>6</v>
      </c>
    </row>
    <row r="65" spans="2:7" x14ac:dyDescent="0.35">
      <c r="B65" s="16">
        <v>44473</v>
      </c>
      <c r="C65" s="15">
        <v>44473.703877314816</v>
      </c>
      <c r="D65" s="1">
        <v>229</v>
      </c>
      <c r="E65" s="1">
        <v>13.44</v>
      </c>
      <c r="F65" s="1">
        <v>3077.7599999999998</v>
      </c>
      <c r="G65" s="1" t="s">
        <v>6</v>
      </c>
    </row>
    <row r="66" spans="2:7" x14ac:dyDescent="0.35">
      <c r="B66" s="16">
        <v>44473</v>
      </c>
      <c r="C66" s="15">
        <v>44473.717974537038</v>
      </c>
      <c r="D66" s="1">
        <v>343</v>
      </c>
      <c r="E66" s="1">
        <v>13.42</v>
      </c>
      <c r="F66" s="1">
        <v>4603.0600000000004</v>
      </c>
      <c r="G66" s="1" t="s">
        <v>6</v>
      </c>
    </row>
    <row r="67" spans="2:7" x14ac:dyDescent="0.35">
      <c r="B67" s="16">
        <v>44473</v>
      </c>
      <c r="C67" s="15">
        <v>44473.722013888888</v>
      </c>
      <c r="D67" s="1">
        <v>193</v>
      </c>
      <c r="E67" s="1">
        <v>13.42</v>
      </c>
      <c r="F67" s="1">
        <v>2590.06</v>
      </c>
      <c r="G67" s="1" t="s">
        <v>6</v>
      </c>
    </row>
    <row r="68" spans="2:7" x14ac:dyDescent="0.35">
      <c r="B68" s="16">
        <v>44473</v>
      </c>
      <c r="C68" s="15">
        <v>44473.722013888888</v>
      </c>
      <c r="D68" s="1">
        <v>145</v>
      </c>
      <c r="E68" s="1">
        <v>13.42</v>
      </c>
      <c r="F68" s="1">
        <v>1945.9</v>
      </c>
      <c r="G68" s="1" t="s">
        <v>6</v>
      </c>
    </row>
    <row r="69" spans="2:7" x14ac:dyDescent="0.35">
      <c r="B69" s="16">
        <v>44474</v>
      </c>
      <c r="C69" s="15">
        <v>44474.380300925928</v>
      </c>
      <c r="D69" s="1">
        <v>209</v>
      </c>
      <c r="E69" s="1">
        <v>13.32</v>
      </c>
      <c r="F69" s="1">
        <v>2783.88</v>
      </c>
      <c r="G69" s="1" t="s">
        <v>6</v>
      </c>
    </row>
    <row r="70" spans="2:7" x14ac:dyDescent="0.35">
      <c r="B70" s="16">
        <v>44474</v>
      </c>
      <c r="C70" s="15">
        <v>44474.380300925928</v>
      </c>
      <c r="D70" s="1">
        <v>117</v>
      </c>
      <c r="E70" s="1">
        <v>13.32</v>
      </c>
      <c r="F70" s="1">
        <v>1558.44</v>
      </c>
      <c r="G70" s="1" t="s">
        <v>6</v>
      </c>
    </row>
    <row r="71" spans="2:7" x14ac:dyDescent="0.35">
      <c r="B71" s="16">
        <v>44474</v>
      </c>
      <c r="C71" s="15">
        <v>44474.380300925928</v>
      </c>
      <c r="D71" s="1">
        <v>317</v>
      </c>
      <c r="E71" s="1">
        <v>13.34</v>
      </c>
      <c r="F71" s="1">
        <v>4228.78</v>
      </c>
      <c r="G71" s="1" t="s">
        <v>6</v>
      </c>
    </row>
    <row r="72" spans="2:7" x14ac:dyDescent="0.35">
      <c r="B72" s="16">
        <v>44474</v>
      </c>
      <c r="C72" s="15">
        <v>44474.388194444444</v>
      </c>
      <c r="D72" s="1">
        <v>342</v>
      </c>
      <c r="E72" s="1">
        <v>13.4</v>
      </c>
      <c r="F72" s="1">
        <v>4582.8</v>
      </c>
      <c r="G72" s="1" t="s">
        <v>6</v>
      </c>
    </row>
    <row r="73" spans="2:7" x14ac:dyDescent="0.35">
      <c r="B73" s="16">
        <v>44474</v>
      </c>
      <c r="C73" s="15">
        <v>44474.388194444444</v>
      </c>
      <c r="D73" s="1">
        <v>342</v>
      </c>
      <c r="E73" s="1">
        <v>13.42</v>
      </c>
      <c r="F73" s="1">
        <v>4589.6400000000003</v>
      </c>
      <c r="G73" s="1" t="s">
        <v>6</v>
      </c>
    </row>
    <row r="74" spans="2:7" x14ac:dyDescent="0.35">
      <c r="B74" s="16">
        <v>44474</v>
      </c>
      <c r="C74" s="15">
        <v>44474.400196759256</v>
      </c>
      <c r="D74" s="1">
        <v>123</v>
      </c>
      <c r="E74" s="1">
        <v>13.38</v>
      </c>
      <c r="F74" s="1">
        <v>1645.74</v>
      </c>
      <c r="G74" s="1" t="s">
        <v>6</v>
      </c>
    </row>
    <row r="75" spans="2:7" x14ac:dyDescent="0.35">
      <c r="B75" s="16">
        <v>44474</v>
      </c>
      <c r="C75" s="15">
        <v>44474.400196759256</v>
      </c>
      <c r="D75" s="1">
        <v>81</v>
      </c>
      <c r="E75" s="1">
        <v>13.38</v>
      </c>
      <c r="F75" s="1">
        <v>1083.78</v>
      </c>
      <c r="G75" s="1" t="s">
        <v>6</v>
      </c>
    </row>
    <row r="76" spans="2:7" x14ac:dyDescent="0.35">
      <c r="B76" s="16">
        <v>44474</v>
      </c>
      <c r="C76" s="15">
        <v>44474.400196759256</v>
      </c>
      <c r="D76" s="1">
        <v>123</v>
      </c>
      <c r="E76" s="1">
        <v>13.38</v>
      </c>
      <c r="F76" s="1">
        <v>1645.74</v>
      </c>
      <c r="G76" s="1" t="s">
        <v>6</v>
      </c>
    </row>
    <row r="77" spans="2:7" x14ac:dyDescent="0.35">
      <c r="B77" s="16">
        <v>44474</v>
      </c>
      <c r="C77" s="15">
        <v>44474.400196759256</v>
      </c>
      <c r="D77" s="1">
        <v>317</v>
      </c>
      <c r="E77" s="1">
        <v>13.38</v>
      </c>
      <c r="F77" s="1">
        <v>4241.46</v>
      </c>
      <c r="G77" s="1" t="s">
        <v>6</v>
      </c>
    </row>
    <row r="78" spans="2:7" x14ac:dyDescent="0.35">
      <c r="B78" s="16">
        <v>44474</v>
      </c>
      <c r="C78" s="15">
        <v>44474.412141203706</v>
      </c>
      <c r="D78" s="1">
        <v>600</v>
      </c>
      <c r="E78" s="1">
        <v>13.4</v>
      </c>
      <c r="F78" s="1">
        <v>8040</v>
      </c>
      <c r="G78" s="1" t="s">
        <v>6</v>
      </c>
    </row>
    <row r="79" spans="2:7" x14ac:dyDescent="0.35">
      <c r="B79" s="16">
        <v>44474</v>
      </c>
      <c r="C79" s="15">
        <v>44474.427291666667</v>
      </c>
      <c r="D79" s="1">
        <v>694</v>
      </c>
      <c r="E79" s="1">
        <v>13.4</v>
      </c>
      <c r="F79" s="1">
        <v>9299.6</v>
      </c>
      <c r="G79" s="1" t="s">
        <v>6</v>
      </c>
    </row>
    <row r="80" spans="2:7" x14ac:dyDescent="0.35">
      <c r="B80" s="16">
        <v>44474</v>
      </c>
      <c r="C80" s="15">
        <v>44474.431631944448</v>
      </c>
      <c r="D80" s="1">
        <v>6</v>
      </c>
      <c r="E80" s="1">
        <v>13.4</v>
      </c>
      <c r="F80" s="1">
        <v>80.400000000000006</v>
      </c>
      <c r="G80" s="1" t="s">
        <v>6</v>
      </c>
    </row>
    <row r="81" spans="2:7" x14ac:dyDescent="0.35">
      <c r="B81" s="16">
        <v>44474</v>
      </c>
      <c r="C81" s="15">
        <v>44474.431631944448</v>
      </c>
      <c r="D81" s="1">
        <v>306</v>
      </c>
      <c r="E81" s="1">
        <v>13.4</v>
      </c>
      <c r="F81" s="1">
        <v>4100.4000000000005</v>
      </c>
      <c r="G81" s="1" t="s">
        <v>6</v>
      </c>
    </row>
    <row r="82" spans="2:7" x14ac:dyDescent="0.35">
      <c r="B82" s="16">
        <v>44474</v>
      </c>
      <c r="C82" s="15">
        <v>44474.442476851851</v>
      </c>
      <c r="D82" s="1">
        <v>324</v>
      </c>
      <c r="E82" s="1">
        <v>13.38</v>
      </c>
      <c r="F82" s="1">
        <v>4335.12</v>
      </c>
      <c r="G82" s="1" t="s">
        <v>6</v>
      </c>
    </row>
    <row r="83" spans="2:7" x14ac:dyDescent="0.35">
      <c r="B83" s="16">
        <v>44474</v>
      </c>
      <c r="C83" s="15">
        <v>44474.45008101852</v>
      </c>
      <c r="D83" s="1">
        <v>310</v>
      </c>
      <c r="E83" s="1">
        <v>13.46</v>
      </c>
      <c r="F83" s="1">
        <v>4172.6000000000004</v>
      </c>
      <c r="G83" s="1" t="s">
        <v>6</v>
      </c>
    </row>
    <row r="84" spans="2:7" x14ac:dyDescent="0.35">
      <c r="B84" s="16">
        <v>44474</v>
      </c>
      <c r="C84" s="15">
        <v>44474.459328703706</v>
      </c>
      <c r="D84" s="1">
        <v>330</v>
      </c>
      <c r="E84" s="1">
        <v>13.48</v>
      </c>
      <c r="F84" s="1">
        <v>4448.4000000000005</v>
      </c>
      <c r="G84" s="1" t="s">
        <v>6</v>
      </c>
    </row>
    <row r="85" spans="2:7" x14ac:dyDescent="0.35">
      <c r="B85" s="16">
        <v>44474</v>
      </c>
      <c r="C85" s="15">
        <v>44474.465902777774</v>
      </c>
      <c r="D85" s="1">
        <v>76</v>
      </c>
      <c r="E85" s="1">
        <v>13.46</v>
      </c>
      <c r="F85" s="1">
        <v>1022.96</v>
      </c>
      <c r="G85" s="1" t="s">
        <v>6</v>
      </c>
    </row>
    <row r="86" spans="2:7" x14ac:dyDescent="0.35">
      <c r="B86" s="16">
        <v>44474</v>
      </c>
      <c r="C86" s="15">
        <v>44474.465902777774</v>
      </c>
      <c r="D86" s="1">
        <v>245</v>
      </c>
      <c r="E86" s="1">
        <v>13.46</v>
      </c>
      <c r="F86" s="1">
        <v>3297.7000000000003</v>
      </c>
      <c r="G86" s="1" t="s">
        <v>6</v>
      </c>
    </row>
    <row r="87" spans="2:7" x14ac:dyDescent="0.35">
      <c r="B87" s="16">
        <v>44474</v>
      </c>
      <c r="C87" s="15">
        <v>44474.475324074076</v>
      </c>
      <c r="D87" s="1">
        <v>2</v>
      </c>
      <c r="E87" s="1">
        <v>13.42</v>
      </c>
      <c r="F87" s="1">
        <v>26.84</v>
      </c>
      <c r="G87" s="1" t="s">
        <v>6</v>
      </c>
    </row>
    <row r="88" spans="2:7" x14ac:dyDescent="0.35">
      <c r="B88" s="16">
        <v>44474</v>
      </c>
      <c r="C88" s="15">
        <v>44474.492083333331</v>
      </c>
      <c r="D88" s="1">
        <v>10</v>
      </c>
      <c r="E88" s="1">
        <v>13.44</v>
      </c>
      <c r="F88" s="1">
        <v>134.4</v>
      </c>
      <c r="G88" s="1" t="s">
        <v>6</v>
      </c>
    </row>
    <row r="89" spans="2:7" x14ac:dyDescent="0.35">
      <c r="B89" s="16">
        <v>44474</v>
      </c>
      <c r="C89" s="15">
        <v>44474.492083333331</v>
      </c>
      <c r="D89" s="1">
        <v>301</v>
      </c>
      <c r="E89" s="1">
        <v>13.44</v>
      </c>
      <c r="F89" s="1">
        <v>4045.44</v>
      </c>
      <c r="G89" s="1" t="s">
        <v>6</v>
      </c>
    </row>
    <row r="90" spans="2:7" x14ac:dyDescent="0.35">
      <c r="B90" s="16">
        <v>44474</v>
      </c>
      <c r="C90" s="15">
        <v>44474.501157407409</v>
      </c>
      <c r="D90" s="1">
        <v>3</v>
      </c>
      <c r="E90" s="1">
        <v>13.44</v>
      </c>
      <c r="F90" s="1">
        <v>40.32</v>
      </c>
      <c r="G90" s="1" t="s">
        <v>6</v>
      </c>
    </row>
    <row r="91" spans="2:7" x14ac:dyDescent="0.35">
      <c r="B91" s="16">
        <v>44474</v>
      </c>
      <c r="C91" s="15">
        <v>44474.501157407409</v>
      </c>
      <c r="D91" s="1">
        <v>363</v>
      </c>
      <c r="E91" s="1">
        <v>13.44</v>
      </c>
      <c r="F91" s="1">
        <v>4878.72</v>
      </c>
      <c r="G91" s="1" t="s">
        <v>6</v>
      </c>
    </row>
    <row r="92" spans="2:7" x14ac:dyDescent="0.35">
      <c r="B92" s="16">
        <v>44474</v>
      </c>
      <c r="C92" s="15">
        <v>44474.504675925928</v>
      </c>
      <c r="D92" s="1">
        <v>637</v>
      </c>
      <c r="E92" s="1">
        <v>13.42</v>
      </c>
      <c r="F92" s="1">
        <v>8548.5399999999991</v>
      </c>
      <c r="G92" s="1" t="s">
        <v>6</v>
      </c>
    </row>
    <row r="93" spans="2:7" x14ac:dyDescent="0.35">
      <c r="B93" s="16">
        <v>44474</v>
      </c>
      <c r="C93" s="15">
        <v>44474.504675925928</v>
      </c>
      <c r="D93" s="1">
        <v>330</v>
      </c>
      <c r="E93" s="1">
        <v>13.42</v>
      </c>
      <c r="F93" s="1">
        <v>4428.6000000000004</v>
      </c>
      <c r="G93" s="1" t="s">
        <v>6</v>
      </c>
    </row>
    <row r="94" spans="2:7" x14ac:dyDescent="0.35">
      <c r="B94" s="16">
        <v>44474</v>
      </c>
      <c r="C94" s="15">
        <v>44474.528807870367</v>
      </c>
      <c r="D94" s="1">
        <v>654</v>
      </c>
      <c r="E94" s="1">
        <v>13.46</v>
      </c>
      <c r="F94" s="1">
        <v>8802.84</v>
      </c>
      <c r="G94" s="1" t="s">
        <v>6</v>
      </c>
    </row>
    <row r="95" spans="2:7" x14ac:dyDescent="0.35">
      <c r="B95" s="16">
        <v>44474</v>
      </c>
      <c r="C95" s="15">
        <v>44474.539247685185</v>
      </c>
      <c r="D95" s="1">
        <v>317</v>
      </c>
      <c r="E95" s="1">
        <v>13.42</v>
      </c>
      <c r="F95" s="1">
        <v>4254.1400000000003</v>
      </c>
      <c r="G95" s="1" t="s">
        <v>6</v>
      </c>
    </row>
    <row r="96" spans="2:7" x14ac:dyDescent="0.35">
      <c r="B96" s="16">
        <v>44474</v>
      </c>
      <c r="C96" s="15">
        <v>44474.550520833334</v>
      </c>
      <c r="D96" s="1">
        <v>310</v>
      </c>
      <c r="E96" s="1">
        <v>13.44</v>
      </c>
      <c r="F96" s="1">
        <v>4166.3999999999996</v>
      </c>
      <c r="G96" s="1" t="s">
        <v>6</v>
      </c>
    </row>
    <row r="97" spans="2:7" x14ac:dyDescent="0.35">
      <c r="B97" s="16">
        <v>44474</v>
      </c>
      <c r="C97" s="15">
        <v>44474.583449074074</v>
      </c>
      <c r="D97" s="1">
        <v>337</v>
      </c>
      <c r="E97" s="1">
        <v>13.4</v>
      </c>
      <c r="F97" s="1">
        <v>4515.8</v>
      </c>
      <c r="G97" s="1" t="s">
        <v>6</v>
      </c>
    </row>
    <row r="98" spans="2:7" x14ac:dyDescent="0.35">
      <c r="B98" s="16">
        <v>44474</v>
      </c>
      <c r="C98" s="15">
        <v>44474.583449074074</v>
      </c>
      <c r="D98" s="1">
        <v>23</v>
      </c>
      <c r="E98" s="1">
        <v>13.4</v>
      </c>
      <c r="F98" s="1">
        <v>308.2</v>
      </c>
      <c r="G98" s="1" t="s">
        <v>6</v>
      </c>
    </row>
    <row r="99" spans="2:7" x14ac:dyDescent="0.35">
      <c r="B99" s="16">
        <v>44474</v>
      </c>
      <c r="C99" s="15">
        <v>44474.583449074074</v>
      </c>
      <c r="D99" s="1">
        <v>600</v>
      </c>
      <c r="E99" s="1">
        <v>13.4</v>
      </c>
      <c r="F99" s="1">
        <v>8040</v>
      </c>
      <c r="G99" s="1" t="s">
        <v>6</v>
      </c>
    </row>
    <row r="100" spans="2:7" x14ac:dyDescent="0.35">
      <c r="B100" s="16">
        <v>44474</v>
      </c>
      <c r="C100" s="15">
        <v>44474.6012962963</v>
      </c>
      <c r="D100" s="1">
        <v>231</v>
      </c>
      <c r="E100" s="1">
        <v>13.46</v>
      </c>
      <c r="F100" s="1">
        <v>3109.26</v>
      </c>
      <c r="G100" s="1" t="s">
        <v>6</v>
      </c>
    </row>
    <row r="101" spans="2:7" x14ac:dyDescent="0.35">
      <c r="B101" s="16">
        <v>44474</v>
      </c>
      <c r="C101" s="15">
        <v>44474.6012962963</v>
      </c>
      <c r="D101" s="1">
        <v>11</v>
      </c>
      <c r="E101" s="1">
        <v>13.46</v>
      </c>
      <c r="F101" s="1">
        <v>148.06</v>
      </c>
      <c r="G101" s="1" t="s">
        <v>6</v>
      </c>
    </row>
    <row r="102" spans="2:7" x14ac:dyDescent="0.35">
      <c r="B102" s="16">
        <v>44474</v>
      </c>
      <c r="C102" s="15">
        <v>44474.611157407409</v>
      </c>
      <c r="D102" s="1">
        <v>320</v>
      </c>
      <c r="E102" s="1">
        <v>13.46</v>
      </c>
      <c r="F102" s="1">
        <v>4307.2000000000007</v>
      </c>
      <c r="G102" s="1" t="s">
        <v>6</v>
      </c>
    </row>
    <row r="103" spans="2:7" x14ac:dyDescent="0.35">
      <c r="B103" s="16">
        <v>44474</v>
      </c>
      <c r="C103" s="15">
        <v>44474.611157407409</v>
      </c>
      <c r="D103" s="1">
        <v>396</v>
      </c>
      <c r="E103" s="1">
        <v>13.46</v>
      </c>
      <c r="F103" s="1">
        <v>5330.1600000000008</v>
      </c>
      <c r="G103" s="1" t="s">
        <v>6</v>
      </c>
    </row>
    <row r="104" spans="2:7" x14ac:dyDescent="0.35">
      <c r="B104" s="16">
        <v>44474</v>
      </c>
      <c r="C104" s="15">
        <v>44474.638402777775</v>
      </c>
      <c r="D104" s="1">
        <v>241</v>
      </c>
      <c r="E104" s="1">
        <v>13.5</v>
      </c>
      <c r="F104" s="1">
        <v>3253.5</v>
      </c>
      <c r="G104" s="1" t="s">
        <v>6</v>
      </c>
    </row>
    <row r="105" spans="2:7" x14ac:dyDescent="0.35">
      <c r="B105" s="16">
        <v>44474</v>
      </c>
      <c r="C105" s="15">
        <v>44474.638402777775</v>
      </c>
      <c r="D105" s="1">
        <v>87</v>
      </c>
      <c r="E105" s="1">
        <v>13.5</v>
      </c>
      <c r="F105" s="1">
        <v>1174.5</v>
      </c>
      <c r="G105" s="1" t="s">
        <v>6</v>
      </c>
    </row>
    <row r="106" spans="2:7" x14ac:dyDescent="0.35">
      <c r="B106" s="16">
        <v>44474</v>
      </c>
      <c r="C106" s="15">
        <v>44474.643541666665</v>
      </c>
      <c r="D106" s="1">
        <v>325</v>
      </c>
      <c r="E106" s="1">
        <v>13.48</v>
      </c>
      <c r="F106" s="1">
        <v>4381</v>
      </c>
      <c r="G106" s="1" t="s">
        <v>6</v>
      </c>
    </row>
    <row r="107" spans="2:7" x14ac:dyDescent="0.35">
      <c r="B107" s="16">
        <v>44474</v>
      </c>
      <c r="C107" s="15">
        <v>44474.643541666665</v>
      </c>
      <c r="D107" s="1">
        <v>89</v>
      </c>
      <c r="E107" s="1">
        <v>13.48</v>
      </c>
      <c r="F107" s="1">
        <v>1199.72</v>
      </c>
      <c r="G107" s="1" t="s">
        <v>6</v>
      </c>
    </row>
    <row r="108" spans="2:7" x14ac:dyDescent="0.35">
      <c r="B108" s="16">
        <v>44474</v>
      </c>
      <c r="C108" s="15">
        <v>44474.643541666665</v>
      </c>
      <c r="D108" s="1">
        <v>157</v>
      </c>
      <c r="E108" s="1">
        <v>13.48</v>
      </c>
      <c r="F108" s="1">
        <v>2116.36</v>
      </c>
      <c r="G108" s="1" t="s">
        <v>6</v>
      </c>
    </row>
    <row r="109" spans="2:7" x14ac:dyDescent="0.35">
      <c r="B109" s="16">
        <v>44474</v>
      </c>
      <c r="C109" s="15">
        <v>44474.643541666665</v>
      </c>
      <c r="D109" s="1">
        <v>71</v>
      </c>
      <c r="E109" s="1">
        <v>13.48</v>
      </c>
      <c r="F109" s="1">
        <v>957.08</v>
      </c>
      <c r="G109" s="1" t="s">
        <v>6</v>
      </c>
    </row>
    <row r="110" spans="2:7" x14ac:dyDescent="0.35">
      <c r="B110" s="16">
        <v>44474</v>
      </c>
      <c r="C110" s="15">
        <v>44474.643541666665</v>
      </c>
      <c r="D110" s="1">
        <v>319</v>
      </c>
      <c r="E110" s="1">
        <v>13.48</v>
      </c>
      <c r="F110" s="1">
        <v>4300.12</v>
      </c>
      <c r="G110" s="1" t="s">
        <v>6</v>
      </c>
    </row>
    <row r="111" spans="2:7" x14ac:dyDescent="0.35">
      <c r="B111" s="16">
        <v>44474</v>
      </c>
      <c r="C111" s="15">
        <v>44474.643541666665</v>
      </c>
      <c r="D111" s="1">
        <v>14</v>
      </c>
      <c r="E111" s="1">
        <v>13.48</v>
      </c>
      <c r="F111" s="1">
        <v>188.72</v>
      </c>
      <c r="G111" s="1" t="s">
        <v>6</v>
      </c>
    </row>
    <row r="112" spans="2:7" x14ac:dyDescent="0.35">
      <c r="B112" s="16">
        <v>44474</v>
      </c>
      <c r="C112" s="15">
        <v>44474.651053240741</v>
      </c>
      <c r="D112" s="1">
        <v>354</v>
      </c>
      <c r="E112" s="1">
        <v>13.44</v>
      </c>
      <c r="F112" s="1">
        <v>4757.76</v>
      </c>
      <c r="G112" s="1" t="s">
        <v>6</v>
      </c>
    </row>
    <row r="113" spans="2:7" x14ac:dyDescent="0.35">
      <c r="B113" s="16">
        <v>44474</v>
      </c>
      <c r="C113" s="15">
        <v>44474.666273148148</v>
      </c>
      <c r="D113" s="1">
        <v>32</v>
      </c>
      <c r="E113" s="1">
        <v>13.5</v>
      </c>
      <c r="F113" s="1">
        <v>432</v>
      </c>
      <c r="G113" s="1" t="s">
        <v>6</v>
      </c>
    </row>
    <row r="114" spans="2:7" x14ac:dyDescent="0.35">
      <c r="B114" s="16">
        <v>44474</v>
      </c>
      <c r="C114" s="15">
        <v>44474.666273148148</v>
      </c>
      <c r="D114" s="1">
        <v>310</v>
      </c>
      <c r="E114" s="1">
        <v>13.5</v>
      </c>
      <c r="F114" s="1">
        <v>4185</v>
      </c>
      <c r="G114" s="1" t="s">
        <v>6</v>
      </c>
    </row>
    <row r="115" spans="2:7" x14ac:dyDescent="0.35">
      <c r="B115" s="16">
        <v>44474</v>
      </c>
      <c r="C115" s="15">
        <v>44474.666701388887</v>
      </c>
      <c r="D115" s="1">
        <v>120</v>
      </c>
      <c r="E115" s="1">
        <v>13.48</v>
      </c>
      <c r="F115" s="1">
        <v>1617.6000000000001</v>
      </c>
      <c r="G115" s="1" t="s">
        <v>6</v>
      </c>
    </row>
    <row r="116" spans="2:7" x14ac:dyDescent="0.35">
      <c r="B116" s="16">
        <v>44474</v>
      </c>
      <c r="C116" s="15">
        <v>44474.673356481479</v>
      </c>
      <c r="D116" s="1">
        <v>21</v>
      </c>
      <c r="E116" s="1">
        <v>13.52</v>
      </c>
      <c r="F116" s="1">
        <v>283.92</v>
      </c>
      <c r="G116" s="1" t="s">
        <v>6</v>
      </c>
    </row>
    <row r="117" spans="2:7" x14ac:dyDescent="0.35">
      <c r="B117" s="16">
        <v>44474</v>
      </c>
      <c r="C117" s="15">
        <v>44474.673356481479</v>
      </c>
      <c r="D117" s="1">
        <v>144</v>
      </c>
      <c r="E117" s="1">
        <v>13.52</v>
      </c>
      <c r="F117" s="1">
        <v>1946.8799999999999</v>
      </c>
      <c r="G117" s="1" t="s">
        <v>6</v>
      </c>
    </row>
    <row r="118" spans="2:7" x14ac:dyDescent="0.35">
      <c r="B118" s="16">
        <v>44474</v>
      </c>
      <c r="C118" s="15">
        <v>44474.673356481479</v>
      </c>
      <c r="D118" s="1">
        <v>15</v>
      </c>
      <c r="E118" s="1">
        <v>13.52</v>
      </c>
      <c r="F118" s="1">
        <v>202.79999999999998</v>
      </c>
      <c r="G118" s="1" t="s">
        <v>6</v>
      </c>
    </row>
    <row r="119" spans="2:7" x14ac:dyDescent="0.35">
      <c r="B119" s="16">
        <v>44474</v>
      </c>
      <c r="C119" s="15">
        <v>44474.673356481479</v>
      </c>
      <c r="D119" s="1">
        <v>13</v>
      </c>
      <c r="E119" s="1">
        <v>13.52</v>
      </c>
      <c r="F119" s="1">
        <v>175.76</v>
      </c>
      <c r="G119" s="1" t="s">
        <v>6</v>
      </c>
    </row>
    <row r="120" spans="2:7" x14ac:dyDescent="0.35">
      <c r="B120" s="16">
        <v>44474</v>
      </c>
      <c r="C120" s="15">
        <v>44474.673356481479</v>
      </c>
      <c r="D120" s="1">
        <v>242</v>
      </c>
      <c r="E120" s="1">
        <v>13.52</v>
      </c>
      <c r="F120" s="1">
        <v>3271.8399999999997</v>
      </c>
      <c r="G120" s="1" t="s">
        <v>6</v>
      </c>
    </row>
    <row r="121" spans="2:7" x14ac:dyDescent="0.35">
      <c r="B121" s="16">
        <v>44474</v>
      </c>
      <c r="C121" s="15">
        <v>44474.673356481479</v>
      </c>
      <c r="D121" s="1">
        <v>364</v>
      </c>
      <c r="E121" s="1">
        <v>13.52</v>
      </c>
      <c r="F121" s="1">
        <v>4921.28</v>
      </c>
      <c r="G121" s="1" t="s">
        <v>6</v>
      </c>
    </row>
    <row r="122" spans="2:7" x14ac:dyDescent="0.35">
      <c r="B122" s="16">
        <v>44474</v>
      </c>
      <c r="C122" s="15">
        <v>44474.673645833333</v>
      </c>
      <c r="D122" s="1">
        <v>104</v>
      </c>
      <c r="E122" s="1">
        <v>13.52</v>
      </c>
      <c r="F122" s="1">
        <v>1406.08</v>
      </c>
      <c r="G122" s="1" t="s">
        <v>6</v>
      </c>
    </row>
    <row r="123" spans="2:7" x14ac:dyDescent="0.35">
      <c r="B123" s="16">
        <v>44474</v>
      </c>
      <c r="C123" s="15">
        <v>44474.673680555556</v>
      </c>
      <c r="D123" s="1">
        <v>60</v>
      </c>
      <c r="E123" s="1">
        <v>13.52</v>
      </c>
      <c r="F123" s="1">
        <v>811.19999999999993</v>
      </c>
      <c r="G123" s="1" t="s">
        <v>6</v>
      </c>
    </row>
    <row r="124" spans="2:7" x14ac:dyDescent="0.35">
      <c r="B124" s="16">
        <v>44474</v>
      </c>
      <c r="C124" s="15">
        <v>44474.689398148148</v>
      </c>
      <c r="D124" s="1">
        <v>115</v>
      </c>
      <c r="E124" s="1">
        <v>13.5</v>
      </c>
      <c r="F124" s="1">
        <v>1552.5</v>
      </c>
      <c r="G124" s="1" t="s">
        <v>6</v>
      </c>
    </row>
    <row r="125" spans="2:7" x14ac:dyDescent="0.35">
      <c r="B125" s="16">
        <v>44474</v>
      </c>
      <c r="C125" s="15">
        <v>44474.68986111111</v>
      </c>
      <c r="D125" s="1">
        <v>100</v>
      </c>
      <c r="E125" s="1">
        <v>13.5</v>
      </c>
      <c r="F125" s="1">
        <v>1350</v>
      </c>
      <c r="G125" s="1" t="s">
        <v>6</v>
      </c>
    </row>
    <row r="126" spans="2:7" x14ac:dyDescent="0.35">
      <c r="B126" s="16">
        <v>44474</v>
      </c>
      <c r="C126" s="15">
        <v>44474.694548611114</v>
      </c>
      <c r="D126" s="1">
        <v>617</v>
      </c>
      <c r="E126" s="1">
        <v>13.52</v>
      </c>
      <c r="F126" s="1">
        <v>8341.84</v>
      </c>
      <c r="G126" s="1" t="s">
        <v>6</v>
      </c>
    </row>
    <row r="127" spans="2:7" x14ac:dyDescent="0.35">
      <c r="B127" s="16">
        <v>44474</v>
      </c>
      <c r="C127" s="15">
        <v>44474.717060185198</v>
      </c>
      <c r="D127" s="1">
        <v>339</v>
      </c>
      <c r="E127" s="1">
        <v>13.52</v>
      </c>
      <c r="F127" s="1">
        <v>4583.28</v>
      </c>
      <c r="G127" s="1" t="s">
        <v>6</v>
      </c>
    </row>
    <row r="128" spans="2:7" x14ac:dyDescent="0.35">
      <c r="B128" s="16">
        <v>44474</v>
      </c>
      <c r="C128" s="15">
        <v>44474.717060185183</v>
      </c>
      <c r="D128" s="1">
        <v>253</v>
      </c>
      <c r="E128" s="1">
        <v>13.52</v>
      </c>
      <c r="F128" s="1">
        <v>3420.56</v>
      </c>
      <c r="G128" s="1" t="s">
        <v>6</v>
      </c>
    </row>
    <row r="129" spans="2:7" x14ac:dyDescent="0.35">
      <c r="B129" s="16">
        <v>44474</v>
      </c>
      <c r="C129" s="15">
        <v>44474.717060185183</v>
      </c>
      <c r="D129" s="1">
        <v>220</v>
      </c>
      <c r="E129" s="1">
        <v>13.52</v>
      </c>
      <c r="F129" s="1">
        <v>2974.4</v>
      </c>
      <c r="G129" s="1" t="s">
        <v>6</v>
      </c>
    </row>
    <row r="130" spans="2:7" x14ac:dyDescent="0.35">
      <c r="B130" s="16">
        <v>44474</v>
      </c>
      <c r="C130" s="15">
        <v>44474.717060185183</v>
      </c>
      <c r="D130" s="1">
        <v>217</v>
      </c>
      <c r="E130" s="1">
        <v>13.52</v>
      </c>
      <c r="F130" s="1">
        <v>2933.8399999999997</v>
      </c>
      <c r="G130" s="1" t="s">
        <v>6</v>
      </c>
    </row>
    <row r="131" spans="2:7" x14ac:dyDescent="0.35">
      <c r="B131" s="16">
        <v>44475</v>
      </c>
      <c r="C131" s="15">
        <v>44475.378541666665</v>
      </c>
      <c r="D131" s="1">
        <v>304</v>
      </c>
      <c r="E131" s="1">
        <v>13.42</v>
      </c>
      <c r="F131" s="1">
        <v>4079.68</v>
      </c>
      <c r="G131" s="1" t="s">
        <v>6</v>
      </c>
    </row>
    <row r="132" spans="2:7" x14ac:dyDescent="0.35">
      <c r="B132" s="16">
        <v>44475</v>
      </c>
      <c r="C132" s="15">
        <v>44475.378541666665</v>
      </c>
      <c r="D132" s="1">
        <v>22</v>
      </c>
      <c r="E132" s="1">
        <v>13.42</v>
      </c>
      <c r="F132" s="1">
        <v>295.24</v>
      </c>
      <c r="G132" s="1" t="s">
        <v>6</v>
      </c>
    </row>
    <row r="133" spans="2:7" x14ac:dyDescent="0.35">
      <c r="B133" s="16">
        <v>44475</v>
      </c>
      <c r="C133" s="15">
        <v>44475.382847222223</v>
      </c>
      <c r="D133" s="1">
        <v>352</v>
      </c>
      <c r="E133" s="1">
        <v>13.5</v>
      </c>
      <c r="F133" s="1">
        <v>4752</v>
      </c>
      <c r="G133" s="1" t="s">
        <v>6</v>
      </c>
    </row>
    <row r="134" spans="2:7" x14ac:dyDescent="0.35">
      <c r="B134" s="16">
        <v>44475</v>
      </c>
      <c r="C134" s="15">
        <v>44475.382847222223</v>
      </c>
      <c r="D134" s="1">
        <v>32</v>
      </c>
      <c r="E134" s="1">
        <v>13.5</v>
      </c>
      <c r="F134" s="1">
        <v>432</v>
      </c>
      <c r="G134" s="1" t="s">
        <v>6</v>
      </c>
    </row>
    <row r="135" spans="2:7" x14ac:dyDescent="0.35">
      <c r="B135" s="16">
        <v>44475</v>
      </c>
      <c r="C135" s="15">
        <v>44475.382847222223</v>
      </c>
      <c r="D135" s="1">
        <v>210</v>
      </c>
      <c r="E135" s="1">
        <v>13.5</v>
      </c>
      <c r="F135" s="1">
        <v>2835</v>
      </c>
      <c r="G135" s="1" t="s">
        <v>6</v>
      </c>
    </row>
    <row r="136" spans="2:7" x14ac:dyDescent="0.35">
      <c r="B136" s="16">
        <v>44475</v>
      </c>
      <c r="C136" s="15">
        <v>44475.389687499999</v>
      </c>
      <c r="D136" s="1">
        <v>246</v>
      </c>
      <c r="E136" s="1">
        <v>13.46</v>
      </c>
      <c r="F136" s="1">
        <v>3311.1600000000003</v>
      </c>
      <c r="G136" s="1" t="s">
        <v>6</v>
      </c>
    </row>
    <row r="137" spans="2:7" x14ac:dyDescent="0.35">
      <c r="B137" s="16">
        <v>44475</v>
      </c>
      <c r="C137" s="15">
        <v>44475.389687499999</v>
      </c>
      <c r="D137" s="1">
        <v>55</v>
      </c>
      <c r="E137" s="1">
        <v>13.46</v>
      </c>
      <c r="F137" s="1">
        <v>740.30000000000007</v>
      </c>
      <c r="G137" s="1" t="s">
        <v>6</v>
      </c>
    </row>
    <row r="138" spans="2:7" x14ac:dyDescent="0.35">
      <c r="B138" s="16">
        <v>44475</v>
      </c>
      <c r="C138" s="15">
        <v>44475.390439814815</v>
      </c>
      <c r="D138" s="1">
        <v>324</v>
      </c>
      <c r="E138" s="1">
        <v>13.42</v>
      </c>
      <c r="F138" s="1">
        <v>4348.08</v>
      </c>
      <c r="G138" s="1" t="s">
        <v>6</v>
      </c>
    </row>
    <row r="139" spans="2:7" x14ac:dyDescent="0.35">
      <c r="B139" s="16">
        <v>44475</v>
      </c>
      <c r="C139" s="15">
        <v>44475.398275462961</v>
      </c>
      <c r="D139" s="1">
        <v>345</v>
      </c>
      <c r="E139" s="1">
        <v>13.48</v>
      </c>
      <c r="F139" s="1">
        <v>4650.6000000000004</v>
      </c>
      <c r="G139" s="1" t="s">
        <v>6</v>
      </c>
    </row>
    <row r="140" spans="2:7" x14ac:dyDescent="0.35">
      <c r="B140" s="16">
        <v>44475</v>
      </c>
      <c r="C140" s="15">
        <v>44475.398275462961</v>
      </c>
      <c r="D140" s="1">
        <v>10</v>
      </c>
      <c r="E140" s="1">
        <v>13.48</v>
      </c>
      <c r="F140" s="1">
        <v>134.80000000000001</v>
      </c>
      <c r="G140" s="1" t="s">
        <v>6</v>
      </c>
    </row>
    <row r="141" spans="2:7" x14ac:dyDescent="0.35">
      <c r="B141" s="16">
        <v>44475</v>
      </c>
      <c r="C141" s="15">
        <v>44475.405613425923</v>
      </c>
      <c r="D141" s="1">
        <v>334</v>
      </c>
      <c r="E141" s="1">
        <v>13.48</v>
      </c>
      <c r="F141" s="1">
        <v>4502.32</v>
      </c>
      <c r="G141" s="1" t="s">
        <v>6</v>
      </c>
    </row>
    <row r="142" spans="2:7" x14ac:dyDescent="0.35">
      <c r="B142" s="16">
        <v>44475</v>
      </c>
      <c r="C142" s="15">
        <v>44475.416608796295</v>
      </c>
      <c r="D142" s="1">
        <v>17</v>
      </c>
      <c r="E142" s="1">
        <v>13.46</v>
      </c>
      <c r="F142" s="1">
        <v>228.82000000000002</v>
      </c>
      <c r="G142" s="1" t="s">
        <v>6</v>
      </c>
    </row>
    <row r="143" spans="2:7" x14ac:dyDescent="0.35">
      <c r="B143" s="16">
        <v>44475</v>
      </c>
      <c r="C143" s="15">
        <v>44475.416724537034</v>
      </c>
      <c r="D143" s="1">
        <v>351</v>
      </c>
      <c r="E143" s="1">
        <v>13.46</v>
      </c>
      <c r="F143" s="1">
        <v>4724.46</v>
      </c>
      <c r="G143" s="1" t="s">
        <v>6</v>
      </c>
    </row>
    <row r="144" spans="2:7" x14ac:dyDescent="0.35">
      <c r="B144" s="16">
        <v>44475</v>
      </c>
      <c r="C144" s="15">
        <v>44475.421875</v>
      </c>
      <c r="D144" s="1">
        <v>355</v>
      </c>
      <c r="E144" s="1">
        <v>13.44</v>
      </c>
      <c r="F144" s="1">
        <v>4771.2</v>
      </c>
      <c r="G144" s="1" t="s">
        <v>6</v>
      </c>
    </row>
    <row r="145" spans="2:7" x14ac:dyDescent="0.35">
      <c r="B145" s="16">
        <v>44475</v>
      </c>
      <c r="C145" s="15">
        <v>44475.434918981482</v>
      </c>
      <c r="D145" s="1">
        <v>37</v>
      </c>
      <c r="E145" s="1">
        <v>13.48</v>
      </c>
      <c r="F145" s="1">
        <v>498.76</v>
      </c>
      <c r="G145" s="1" t="s">
        <v>6</v>
      </c>
    </row>
    <row r="146" spans="2:7" x14ac:dyDescent="0.35">
      <c r="B146" s="16">
        <v>44475</v>
      </c>
      <c r="C146" s="15">
        <v>44475.44021990741</v>
      </c>
      <c r="D146" s="1">
        <v>632</v>
      </c>
      <c r="E146" s="1">
        <v>13.5</v>
      </c>
      <c r="F146" s="1">
        <v>8532</v>
      </c>
      <c r="G146" s="1" t="s">
        <v>6</v>
      </c>
    </row>
    <row r="147" spans="2:7" x14ac:dyDescent="0.35">
      <c r="B147" s="16">
        <v>44475</v>
      </c>
      <c r="C147" s="15">
        <v>44475.444537037038</v>
      </c>
      <c r="D147" s="1">
        <v>188</v>
      </c>
      <c r="E147" s="1">
        <v>13.5</v>
      </c>
      <c r="F147" s="1">
        <v>2538</v>
      </c>
      <c r="G147" s="1" t="s">
        <v>6</v>
      </c>
    </row>
    <row r="148" spans="2:7" x14ac:dyDescent="0.35">
      <c r="B148" s="16">
        <v>44475</v>
      </c>
      <c r="C148" s="15">
        <v>44475.444537037038</v>
      </c>
      <c r="D148" s="1">
        <v>136</v>
      </c>
      <c r="E148" s="1">
        <v>13.5</v>
      </c>
      <c r="F148" s="1">
        <v>1836</v>
      </c>
      <c r="G148" s="1" t="s">
        <v>6</v>
      </c>
    </row>
    <row r="149" spans="2:7" x14ac:dyDescent="0.35">
      <c r="B149" s="16">
        <v>44475</v>
      </c>
      <c r="C149" s="15">
        <v>44475.454756944448</v>
      </c>
      <c r="D149" s="1">
        <v>362</v>
      </c>
      <c r="E149" s="1">
        <v>13.48</v>
      </c>
      <c r="F149" s="1">
        <v>4879.76</v>
      </c>
      <c r="G149" s="1" t="s">
        <v>6</v>
      </c>
    </row>
    <row r="150" spans="2:7" x14ac:dyDescent="0.35">
      <c r="B150" s="16">
        <v>44475</v>
      </c>
      <c r="C150" s="15">
        <v>44475.46539351852</v>
      </c>
      <c r="D150" s="1">
        <v>348</v>
      </c>
      <c r="E150" s="1">
        <v>13.46</v>
      </c>
      <c r="F150" s="1">
        <v>4684.08</v>
      </c>
      <c r="G150" s="1" t="s">
        <v>6</v>
      </c>
    </row>
    <row r="151" spans="2:7" x14ac:dyDescent="0.35">
      <c r="B151" s="16">
        <v>44475</v>
      </c>
      <c r="C151" s="15">
        <v>44475.47246527778</v>
      </c>
      <c r="D151" s="1">
        <v>333</v>
      </c>
      <c r="E151" s="1">
        <v>13.48</v>
      </c>
      <c r="F151" s="1">
        <v>4488.84</v>
      </c>
      <c r="G151" s="1" t="s">
        <v>6</v>
      </c>
    </row>
    <row r="152" spans="2:7" x14ac:dyDescent="0.35">
      <c r="B152" s="16">
        <v>44475</v>
      </c>
      <c r="C152" s="15">
        <v>44475.48333333333</v>
      </c>
      <c r="D152" s="1">
        <v>318</v>
      </c>
      <c r="E152" s="1">
        <v>13.48</v>
      </c>
      <c r="F152" s="1">
        <v>4286.6400000000003</v>
      </c>
      <c r="G152" s="1" t="s">
        <v>6</v>
      </c>
    </row>
    <row r="153" spans="2:7" x14ac:dyDescent="0.35">
      <c r="B153" s="16">
        <v>44475</v>
      </c>
      <c r="C153" s="15">
        <v>44475.50105324074</v>
      </c>
      <c r="D153" s="1">
        <v>240</v>
      </c>
      <c r="E153" s="1">
        <v>13.48</v>
      </c>
      <c r="F153" s="1">
        <v>3235.2000000000003</v>
      </c>
      <c r="G153" s="1" t="s">
        <v>6</v>
      </c>
    </row>
    <row r="154" spans="2:7" x14ac:dyDescent="0.35">
      <c r="B154" s="16">
        <v>44475</v>
      </c>
      <c r="C154" s="15">
        <v>44475.50105324074</v>
      </c>
      <c r="D154" s="1">
        <v>102</v>
      </c>
      <c r="E154" s="1">
        <v>13.48</v>
      </c>
      <c r="F154" s="1">
        <v>1374.96</v>
      </c>
      <c r="G154" s="1" t="s">
        <v>6</v>
      </c>
    </row>
    <row r="155" spans="2:7" x14ac:dyDescent="0.35">
      <c r="B155" s="16">
        <v>44475</v>
      </c>
      <c r="C155" s="15">
        <v>44475.50105324074</v>
      </c>
      <c r="D155" s="1">
        <v>337</v>
      </c>
      <c r="E155" s="1">
        <v>13.48</v>
      </c>
      <c r="F155" s="1">
        <v>4542.76</v>
      </c>
      <c r="G155" s="1" t="s">
        <v>6</v>
      </c>
    </row>
    <row r="156" spans="2:7" x14ac:dyDescent="0.35">
      <c r="B156" s="16">
        <v>44475</v>
      </c>
      <c r="C156" s="15">
        <v>44475.523379629631</v>
      </c>
      <c r="D156" s="1">
        <v>116</v>
      </c>
      <c r="E156" s="1">
        <v>13.48</v>
      </c>
      <c r="F156" s="1">
        <v>1563.68</v>
      </c>
      <c r="G156" s="1" t="s">
        <v>6</v>
      </c>
    </row>
    <row r="157" spans="2:7" x14ac:dyDescent="0.35">
      <c r="B157" s="16">
        <v>44475</v>
      </c>
      <c r="C157" s="15">
        <v>44475.523379629631</v>
      </c>
      <c r="D157" s="1">
        <v>355</v>
      </c>
      <c r="E157" s="1">
        <v>13.48</v>
      </c>
      <c r="F157" s="1">
        <v>4785.4000000000005</v>
      </c>
      <c r="G157" s="1" t="s">
        <v>6</v>
      </c>
    </row>
    <row r="158" spans="2:7" x14ac:dyDescent="0.35">
      <c r="B158" s="16">
        <v>44475</v>
      </c>
      <c r="C158" s="15">
        <v>44475.523379629631</v>
      </c>
      <c r="D158" s="1">
        <v>233</v>
      </c>
      <c r="E158" s="1">
        <v>13.48</v>
      </c>
      <c r="F158" s="1">
        <v>3140.84</v>
      </c>
      <c r="G158" s="1" t="s">
        <v>6</v>
      </c>
    </row>
    <row r="159" spans="2:7" x14ac:dyDescent="0.35">
      <c r="B159" s="16">
        <v>44475</v>
      </c>
      <c r="C159" s="15">
        <v>44475.534629629627</v>
      </c>
      <c r="D159" s="1">
        <v>17</v>
      </c>
      <c r="E159" s="1">
        <v>13.48</v>
      </c>
      <c r="F159" s="1">
        <v>229.16</v>
      </c>
      <c r="G159" s="1" t="s">
        <v>6</v>
      </c>
    </row>
    <row r="160" spans="2:7" x14ac:dyDescent="0.35">
      <c r="B160" s="16">
        <v>44475</v>
      </c>
      <c r="C160" s="15">
        <v>44475.560266203705</v>
      </c>
      <c r="D160" s="1">
        <v>315</v>
      </c>
      <c r="E160" s="1">
        <v>13.5</v>
      </c>
      <c r="F160" s="1">
        <v>4252.5</v>
      </c>
      <c r="G160" s="1" t="s">
        <v>6</v>
      </c>
    </row>
    <row r="161" spans="2:7" x14ac:dyDescent="0.35">
      <c r="B161" s="16">
        <v>44475</v>
      </c>
      <c r="C161" s="15">
        <v>44475.560266203705</v>
      </c>
      <c r="D161" s="1">
        <v>29</v>
      </c>
      <c r="E161" s="1">
        <v>13.5</v>
      </c>
      <c r="F161" s="1">
        <v>391.5</v>
      </c>
      <c r="G161" s="1" t="s">
        <v>6</v>
      </c>
    </row>
    <row r="162" spans="2:7" x14ac:dyDescent="0.35">
      <c r="B162" s="16">
        <v>44475</v>
      </c>
      <c r="C162" s="15">
        <v>44475.562986111108</v>
      </c>
      <c r="D162" s="1">
        <v>724</v>
      </c>
      <c r="E162" s="1">
        <v>13.48</v>
      </c>
      <c r="F162" s="1">
        <v>9759.52</v>
      </c>
      <c r="G162" s="1" t="s">
        <v>6</v>
      </c>
    </row>
    <row r="163" spans="2:7" x14ac:dyDescent="0.35">
      <c r="B163" s="16">
        <v>44475</v>
      </c>
      <c r="C163" s="15">
        <v>44475.562986111108</v>
      </c>
      <c r="D163" s="1">
        <v>246</v>
      </c>
      <c r="E163" s="1">
        <v>13.48</v>
      </c>
      <c r="F163" s="1">
        <v>3316.08</v>
      </c>
      <c r="G163" s="1" t="s">
        <v>6</v>
      </c>
    </row>
    <row r="164" spans="2:7" x14ac:dyDescent="0.35">
      <c r="B164" s="16">
        <v>44475</v>
      </c>
      <c r="C164" s="15">
        <v>44475.587870370371</v>
      </c>
      <c r="D164" s="1">
        <v>9</v>
      </c>
      <c r="E164" s="1">
        <v>13.5</v>
      </c>
      <c r="F164" s="1">
        <v>121.5</v>
      </c>
      <c r="G164" s="1" t="s">
        <v>6</v>
      </c>
    </row>
    <row r="165" spans="2:7" x14ac:dyDescent="0.35">
      <c r="B165" s="16">
        <v>44475</v>
      </c>
      <c r="C165" s="15">
        <v>44475.589814814812</v>
      </c>
      <c r="D165" s="1">
        <v>92</v>
      </c>
      <c r="E165" s="1">
        <v>13.5</v>
      </c>
      <c r="F165" s="1">
        <v>1242</v>
      </c>
      <c r="G165" s="1" t="s">
        <v>6</v>
      </c>
    </row>
    <row r="166" spans="2:7" x14ac:dyDescent="0.35">
      <c r="B166" s="16">
        <v>44475</v>
      </c>
      <c r="C166" s="15">
        <v>44475.589814814812</v>
      </c>
      <c r="D166" s="1">
        <v>552</v>
      </c>
      <c r="E166" s="1">
        <v>13.5</v>
      </c>
      <c r="F166" s="1">
        <v>7452</v>
      </c>
      <c r="G166" s="1" t="s">
        <v>6</v>
      </c>
    </row>
    <row r="167" spans="2:7" x14ac:dyDescent="0.35">
      <c r="B167" s="16">
        <v>44475</v>
      </c>
      <c r="C167" s="15">
        <v>44475.621423611112</v>
      </c>
      <c r="D167" s="1">
        <v>657</v>
      </c>
      <c r="E167" s="1">
        <v>13.54</v>
      </c>
      <c r="F167" s="1">
        <v>8895.7799999999988</v>
      </c>
      <c r="G167" s="1" t="s">
        <v>6</v>
      </c>
    </row>
    <row r="168" spans="2:7" x14ac:dyDescent="0.35">
      <c r="B168" s="16">
        <v>44475</v>
      </c>
      <c r="C168" s="15">
        <v>44475.621423611112</v>
      </c>
      <c r="D168" s="1">
        <v>339</v>
      </c>
      <c r="E168" s="1">
        <v>13.54</v>
      </c>
      <c r="F168" s="1">
        <v>4590.0599999999995</v>
      </c>
      <c r="G168" s="1" t="s">
        <v>6</v>
      </c>
    </row>
    <row r="169" spans="2:7" x14ac:dyDescent="0.35">
      <c r="B169" s="16">
        <v>44475</v>
      </c>
      <c r="C169" s="15">
        <v>44475.621423611112</v>
      </c>
      <c r="D169" s="1">
        <v>317</v>
      </c>
      <c r="E169" s="1">
        <v>13.54</v>
      </c>
      <c r="F169" s="1">
        <v>4292.1799999999994</v>
      </c>
      <c r="G169" s="1" t="s">
        <v>6</v>
      </c>
    </row>
    <row r="170" spans="2:7" x14ac:dyDescent="0.35">
      <c r="B170" s="16">
        <v>44475</v>
      </c>
      <c r="C170" s="15">
        <v>44475.640162037038</v>
      </c>
      <c r="D170" s="1">
        <v>221</v>
      </c>
      <c r="E170" s="1">
        <v>13.52</v>
      </c>
      <c r="F170" s="1">
        <v>2987.92</v>
      </c>
      <c r="G170" s="1" t="s">
        <v>6</v>
      </c>
    </row>
    <row r="171" spans="2:7" x14ac:dyDescent="0.35">
      <c r="B171" s="16">
        <v>44475</v>
      </c>
      <c r="C171" s="15">
        <v>44475.640393518515</v>
      </c>
      <c r="D171" s="1">
        <v>129</v>
      </c>
      <c r="E171" s="1">
        <v>13.52</v>
      </c>
      <c r="F171" s="1">
        <v>1744.08</v>
      </c>
      <c r="G171" s="1" t="s">
        <v>6</v>
      </c>
    </row>
    <row r="172" spans="2:7" x14ac:dyDescent="0.35">
      <c r="B172" s="16">
        <v>44475</v>
      </c>
      <c r="C172" s="15">
        <v>44475.652291666665</v>
      </c>
      <c r="D172" s="1">
        <v>354</v>
      </c>
      <c r="E172" s="1">
        <v>13.5</v>
      </c>
      <c r="F172" s="1">
        <v>4779</v>
      </c>
      <c r="G172" s="1" t="s">
        <v>6</v>
      </c>
    </row>
    <row r="173" spans="2:7" x14ac:dyDescent="0.35">
      <c r="B173" s="16">
        <v>44475</v>
      </c>
      <c r="C173" s="15">
        <v>44475.652291666665</v>
      </c>
      <c r="D173" s="1">
        <v>252</v>
      </c>
      <c r="E173" s="1">
        <v>13.5</v>
      </c>
      <c r="F173" s="1">
        <v>3402</v>
      </c>
      <c r="G173" s="1" t="s">
        <v>6</v>
      </c>
    </row>
    <row r="174" spans="2:7" x14ac:dyDescent="0.35">
      <c r="B174" s="16">
        <v>44475</v>
      </c>
      <c r="C174" s="15">
        <v>44475.658217592594</v>
      </c>
      <c r="D174" s="1">
        <v>383</v>
      </c>
      <c r="E174" s="1">
        <v>13.52</v>
      </c>
      <c r="F174" s="1">
        <v>5178.16</v>
      </c>
      <c r="G174" s="1" t="s">
        <v>6</v>
      </c>
    </row>
    <row r="175" spans="2:7" x14ac:dyDescent="0.35">
      <c r="B175" s="16">
        <v>44475</v>
      </c>
      <c r="C175" s="15">
        <v>44475.662604166668</v>
      </c>
      <c r="D175" s="1">
        <v>340</v>
      </c>
      <c r="E175" s="1">
        <v>13.5</v>
      </c>
      <c r="F175" s="1">
        <v>4590</v>
      </c>
      <c r="G175" s="1" t="s">
        <v>6</v>
      </c>
    </row>
    <row r="176" spans="2:7" x14ac:dyDescent="0.35">
      <c r="B176" s="16">
        <v>44475</v>
      </c>
      <c r="C176" s="15">
        <v>44475.670671296299</v>
      </c>
      <c r="D176" s="1">
        <v>354</v>
      </c>
      <c r="E176" s="1">
        <v>13.48</v>
      </c>
      <c r="F176" s="1">
        <v>4771.92</v>
      </c>
      <c r="G176" s="1" t="s">
        <v>6</v>
      </c>
    </row>
    <row r="177" spans="2:7" x14ac:dyDescent="0.35">
      <c r="B177" s="16">
        <v>44475</v>
      </c>
      <c r="C177" s="15">
        <v>44475.686412037037</v>
      </c>
      <c r="D177" s="1">
        <v>258</v>
      </c>
      <c r="E177" s="1">
        <v>13.5</v>
      </c>
      <c r="F177" s="1">
        <v>3483</v>
      </c>
      <c r="G177" s="1" t="s">
        <v>6</v>
      </c>
    </row>
    <row r="178" spans="2:7" x14ac:dyDescent="0.35">
      <c r="B178" s="16">
        <v>44475</v>
      </c>
      <c r="C178" s="15">
        <v>44475.686412037037</v>
      </c>
      <c r="D178" s="1">
        <v>331</v>
      </c>
      <c r="E178" s="1">
        <v>13.5</v>
      </c>
      <c r="F178" s="1">
        <v>4468.5</v>
      </c>
      <c r="G178" s="1" t="s">
        <v>6</v>
      </c>
    </row>
    <row r="179" spans="2:7" x14ac:dyDescent="0.35">
      <c r="B179" s="16">
        <v>44475</v>
      </c>
      <c r="C179" s="15">
        <v>44475.686412037037</v>
      </c>
      <c r="D179" s="1">
        <v>494</v>
      </c>
      <c r="E179" s="1">
        <v>13.5</v>
      </c>
      <c r="F179" s="1">
        <v>6669</v>
      </c>
      <c r="G179" s="1" t="s">
        <v>6</v>
      </c>
    </row>
    <row r="180" spans="2:7" x14ac:dyDescent="0.35">
      <c r="B180" s="16">
        <v>44475</v>
      </c>
      <c r="C180" s="15">
        <v>44475.708252314813</v>
      </c>
      <c r="D180" s="1">
        <v>367</v>
      </c>
      <c r="E180" s="1">
        <v>13.48</v>
      </c>
      <c r="F180" s="1">
        <v>4947.16</v>
      </c>
      <c r="G180" s="1" t="s">
        <v>6</v>
      </c>
    </row>
    <row r="181" spans="2:7" x14ac:dyDescent="0.35">
      <c r="B181" s="16">
        <v>44475</v>
      </c>
      <c r="C181" s="15">
        <v>44475.708252314813</v>
      </c>
      <c r="D181" s="1">
        <v>249</v>
      </c>
      <c r="E181" s="1">
        <v>13.48</v>
      </c>
      <c r="F181" s="1">
        <v>3356.52</v>
      </c>
      <c r="G181" s="1" t="s">
        <v>6</v>
      </c>
    </row>
    <row r="182" spans="2:7" x14ac:dyDescent="0.35">
      <c r="B182" s="16">
        <v>44475</v>
      </c>
      <c r="C182" s="15">
        <v>44475.708252314813</v>
      </c>
      <c r="D182" s="1">
        <v>193</v>
      </c>
      <c r="E182" s="1">
        <v>13.48</v>
      </c>
      <c r="F182" s="1">
        <v>2601.64</v>
      </c>
      <c r="G182" s="1" t="s">
        <v>6</v>
      </c>
    </row>
    <row r="183" spans="2:7" x14ac:dyDescent="0.35">
      <c r="B183" s="16">
        <v>44475</v>
      </c>
      <c r="C183" s="15">
        <v>44475.708252314813</v>
      </c>
      <c r="D183" s="1">
        <v>218</v>
      </c>
      <c r="E183" s="1">
        <v>13.48</v>
      </c>
      <c r="F183" s="1">
        <v>2938.64</v>
      </c>
      <c r="G183" s="1" t="s">
        <v>6</v>
      </c>
    </row>
    <row r="184" spans="2:7" x14ac:dyDescent="0.35">
      <c r="B184" s="16">
        <v>44475</v>
      </c>
      <c r="C184" s="15">
        <v>44475.708252314813</v>
      </c>
      <c r="D184" s="1">
        <v>32</v>
      </c>
      <c r="E184" s="1">
        <v>13.48</v>
      </c>
      <c r="F184" s="1">
        <v>431.36</v>
      </c>
      <c r="G184" s="1" t="s">
        <v>6</v>
      </c>
    </row>
    <row r="185" spans="2:7" x14ac:dyDescent="0.35">
      <c r="B185" s="16">
        <v>44475</v>
      </c>
      <c r="C185" s="15">
        <v>44475.722037037034</v>
      </c>
      <c r="D185" s="1">
        <v>9</v>
      </c>
      <c r="E185" s="1">
        <v>13.48</v>
      </c>
      <c r="F185" s="1">
        <v>121.32000000000001</v>
      </c>
      <c r="G185" s="1" t="s">
        <v>6</v>
      </c>
    </row>
    <row r="186" spans="2:7" x14ac:dyDescent="0.35">
      <c r="B186" s="16">
        <v>44476</v>
      </c>
      <c r="C186" s="15">
        <v>44476.380162037036</v>
      </c>
      <c r="D186" s="1">
        <v>315</v>
      </c>
      <c r="E186" s="1">
        <v>13.58</v>
      </c>
      <c r="F186" s="1">
        <v>4277.7</v>
      </c>
      <c r="G186" s="1" t="s">
        <v>6</v>
      </c>
    </row>
    <row r="187" spans="2:7" x14ac:dyDescent="0.35">
      <c r="B187" s="16">
        <v>44476</v>
      </c>
      <c r="C187" s="15">
        <v>44476.380162037036</v>
      </c>
      <c r="D187" s="1">
        <v>324</v>
      </c>
      <c r="E187" s="1">
        <v>13.58</v>
      </c>
      <c r="F187" s="1">
        <v>4399.92</v>
      </c>
      <c r="G187" s="1" t="s">
        <v>6</v>
      </c>
    </row>
    <row r="188" spans="2:7" x14ac:dyDescent="0.35">
      <c r="B188" s="16">
        <v>44476</v>
      </c>
      <c r="C188" s="15">
        <v>44476.385347222225</v>
      </c>
      <c r="D188" s="1">
        <v>213</v>
      </c>
      <c r="E188" s="1">
        <v>13.68</v>
      </c>
      <c r="F188" s="1">
        <v>2913.84</v>
      </c>
      <c r="G188" s="1" t="s">
        <v>6</v>
      </c>
    </row>
    <row r="189" spans="2:7" x14ac:dyDescent="0.35">
      <c r="B189" s="16">
        <v>44476</v>
      </c>
      <c r="C189" s="15">
        <v>44476.385347222225</v>
      </c>
      <c r="D189" s="1">
        <v>114</v>
      </c>
      <c r="E189" s="1">
        <v>13.68</v>
      </c>
      <c r="F189" s="1">
        <v>1559.52</v>
      </c>
      <c r="G189" s="1" t="s">
        <v>6</v>
      </c>
    </row>
    <row r="190" spans="2:7" x14ac:dyDescent="0.35">
      <c r="B190" s="16">
        <v>44476</v>
      </c>
      <c r="C190" s="15">
        <v>44476.387152777781</v>
      </c>
      <c r="D190" s="1">
        <v>70</v>
      </c>
      <c r="E190" s="1">
        <v>13.72</v>
      </c>
      <c r="F190" s="1">
        <v>960.40000000000009</v>
      </c>
      <c r="G190" s="1" t="s">
        <v>6</v>
      </c>
    </row>
    <row r="191" spans="2:7" x14ac:dyDescent="0.35">
      <c r="B191" s="16">
        <v>44476</v>
      </c>
      <c r="C191" s="15">
        <v>44476.387152777781</v>
      </c>
      <c r="D191" s="1">
        <v>250</v>
      </c>
      <c r="E191" s="1">
        <v>13.72</v>
      </c>
      <c r="F191" s="1">
        <v>3430</v>
      </c>
      <c r="G191" s="1" t="s">
        <v>6</v>
      </c>
    </row>
    <row r="192" spans="2:7" x14ac:dyDescent="0.35">
      <c r="B192" s="16">
        <v>44476</v>
      </c>
      <c r="C192" s="15">
        <v>44476.392418981479</v>
      </c>
      <c r="D192" s="1">
        <v>331</v>
      </c>
      <c r="E192" s="1">
        <v>13.68</v>
      </c>
      <c r="F192" s="1">
        <v>4528.08</v>
      </c>
      <c r="G192" s="1" t="s">
        <v>6</v>
      </c>
    </row>
    <row r="193" spans="2:7" x14ac:dyDescent="0.35">
      <c r="B193" s="16">
        <v>44476</v>
      </c>
      <c r="C193" s="15">
        <v>44476.409849537034</v>
      </c>
      <c r="D193" s="1">
        <v>342</v>
      </c>
      <c r="E193" s="1">
        <v>13.76</v>
      </c>
      <c r="F193" s="1">
        <v>4705.92</v>
      </c>
      <c r="G193" s="1" t="s">
        <v>6</v>
      </c>
    </row>
    <row r="194" spans="2:7" x14ac:dyDescent="0.35">
      <c r="B194" s="16">
        <v>44476</v>
      </c>
      <c r="C194" s="15">
        <v>44476.409849537034</v>
      </c>
      <c r="D194" s="1">
        <v>341</v>
      </c>
      <c r="E194" s="1">
        <v>13.76</v>
      </c>
      <c r="F194" s="1">
        <v>4692.16</v>
      </c>
      <c r="G194" s="1" t="s">
        <v>6</v>
      </c>
    </row>
    <row r="195" spans="2:7" x14ac:dyDescent="0.35">
      <c r="B195" s="16">
        <v>44476</v>
      </c>
      <c r="C195" s="15">
        <v>44476.411168981482</v>
      </c>
      <c r="D195" s="1">
        <v>359</v>
      </c>
      <c r="E195" s="1">
        <v>13.74</v>
      </c>
      <c r="F195" s="1">
        <v>4932.66</v>
      </c>
      <c r="G195" s="1" t="s">
        <v>6</v>
      </c>
    </row>
    <row r="196" spans="2:7" x14ac:dyDescent="0.35">
      <c r="B196" s="16">
        <v>44476</v>
      </c>
      <c r="C196" s="15">
        <v>44476.424351851849</v>
      </c>
      <c r="D196" s="1">
        <v>8</v>
      </c>
      <c r="E196" s="1">
        <v>13.76</v>
      </c>
      <c r="F196" s="1">
        <v>110.08</v>
      </c>
      <c r="G196" s="1" t="s">
        <v>6</v>
      </c>
    </row>
    <row r="197" spans="2:7" x14ac:dyDescent="0.35">
      <c r="B197" s="16">
        <v>44476</v>
      </c>
      <c r="C197" s="15">
        <v>44476.424351851849</v>
      </c>
      <c r="D197" s="1">
        <v>354</v>
      </c>
      <c r="E197" s="1">
        <v>13.76</v>
      </c>
      <c r="F197" s="1">
        <v>4871.04</v>
      </c>
      <c r="G197" s="1" t="s">
        <v>6</v>
      </c>
    </row>
    <row r="198" spans="2:7" x14ac:dyDescent="0.35">
      <c r="B198" s="16">
        <v>44476</v>
      </c>
      <c r="C198" s="15">
        <v>44476.43509259259</v>
      </c>
      <c r="D198" s="1">
        <v>335</v>
      </c>
      <c r="E198" s="1">
        <v>13.72</v>
      </c>
      <c r="F198" s="1">
        <v>4596.2</v>
      </c>
      <c r="G198" s="1" t="s">
        <v>6</v>
      </c>
    </row>
    <row r="199" spans="2:7" x14ac:dyDescent="0.35">
      <c r="B199" s="16">
        <v>44476</v>
      </c>
      <c r="C199" s="15">
        <v>44476.448368055557</v>
      </c>
      <c r="D199" s="1">
        <v>322</v>
      </c>
      <c r="E199" s="1">
        <v>13.76</v>
      </c>
      <c r="F199" s="1">
        <v>4430.72</v>
      </c>
      <c r="G199" s="1" t="s">
        <v>6</v>
      </c>
    </row>
    <row r="200" spans="2:7" x14ac:dyDescent="0.35">
      <c r="B200" s="16">
        <v>44476</v>
      </c>
      <c r="C200" s="15">
        <v>44476.448368055557</v>
      </c>
      <c r="D200" s="1">
        <v>387</v>
      </c>
      <c r="E200" s="1">
        <v>13.76</v>
      </c>
      <c r="F200" s="1">
        <v>5325.12</v>
      </c>
      <c r="G200" s="1" t="s">
        <v>6</v>
      </c>
    </row>
    <row r="201" spans="2:7" x14ac:dyDescent="0.35">
      <c r="B201" s="16">
        <v>44476</v>
      </c>
      <c r="C201" s="15">
        <v>44476.456504629627</v>
      </c>
      <c r="D201" s="1">
        <v>364</v>
      </c>
      <c r="E201" s="1">
        <v>13.76</v>
      </c>
      <c r="F201" s="1">
        <v>5008.6400000000003</v>
      </c>
      <c r="G201" s="1" t="s">
        <v>6</v>
      </c>
    </row>
    <row r="202" spans="2:7" x14ac:dyDescent="0.35">
      <c r="B202" s="16">
        <v>44476</v>
      </c>
      <c r="C202" s="15">
        <v>44476.467060185183</v>
      </c>
      <c r="D202" s="1">
        <v>283</v>
      </c>
      <c r="E202" s="1">
        <v>13.74</v>
      </c>
      <c r="F202" s="1">
        <v>3888.42</v>
      </c>
      <c r="G202" s="1" t="s">
        <v>6</v>
      </c>
    </row>
    <row r="203" spans="2:7" x14ac:dyDescent="0.35">
      <c r="B203" s="16">
        <v>44476</v>
      </c>
      <c r="C203" s="15">
        <v>44476.474780092591</v>
      </c>
      <c r="D203" s="1">
        <v>348</v>
      </c>
      <c r="E203" s="1">
        <v>13.72</v>
      </c>
      <c r="F203" s="1">
        <v>4774.5600000000004</v>
      </c>
      <c r="G203" s="1" t="s">
        <v>6</v>
      </c>
    </row>
    <row r="204" spans="2:7" x14ac:dyDescent="0.35">
      <c r="B204" s="16">
        <v>44476</v>
      </c>
      <c r="C204" s="15">
        <v>44476.510405092595</v>
      </c>
      <c r="D204" s="1">
        <v>1291</v>
      </c>
      <c r="E204" s="1">
        <v>13.76</v>
      </c>
      <c r="F204" s="1">
        <v>17764.16</v>
      </c>
      <c r="G204" s="1" t="s">
        <v>6</v>
      </c>
    </row>
    <row r="205" spans="2:7" x14ac:dyDescent="0.35">
      <c r="B205" s="16">
        <v>44476</v>
      </c>
      <c r="C205" s="15">
        <v>44476.527199074073</v>
      </c>
      <c r="D205" s="1">
        <v>130</v>
      </c>
      <c r="E205" s="1">
        <v>13.78</v>
      </c>
      <c r="F205" s="1">
        <v>1791.3999999999999</v>
      </c>
      <c r="G205" s="1" t="s">
        <v>6</v>
      </c>
    </row>
    <row r="206" spans="2:7" x14ac:dyDescent="0.35">
      <c r="B206" s="16">
        <v>44476</v>
      </c>
      <c r="C206" s="15">
        <v>44476.527199074073</v>
      </c>
      <c r="D206" s="1">
        <v>190</v>
      </c>
      <c r="E206" s="1">
        <v>13.78</v>
      </c>
      <c r="F206" s="1">
        <v>2618.1999999999998</v>
      </c>
      <c r="G206" s="1" t="s">
        <v>6</v>
      </c>
    </row>
    <row r="207" spans="2:7" x14ac:dyDescent="0.35">
      <c r="B207" s="16">
        <v>44476</v>
      </c>
      <c r="C207" s="15">
        <v>44476.571203703701</v>
      </c>
      <c r="D207" s="1">
        <v>326</v>
      </c>
      <c r="E207" s="1">
        <v>13.78</v>
      </c>
      <c r="F207" s="1">
        <v>4492.28</v>
      </c>
      <c r="G207" s="1" t="s">
        <v>6</v>
      </c>
    </row>
    <row r="208" spans="2:7" x14ac:dyDescent="0.35">
      <c r="B208" s="16">
        <v>44476</v>
      </c>
      <c r="C208" s="15">
        <v>44476.576412037037</v>
      </c>
      <c r="D208" s="1">
        <v>27</v>
      </c>
      <c r="E208" s="1">
        <v>13.78</v>
      </c>
      <c r="F208" s="1">
        <v>372.06</v>
      </c>
      <c r="G208" s="1" t="s">
        <v>6</v>
      </c>
    </row>
    <row r="209" spans="2:7" x14ac:dyDescent="0.35">
      <c r="B209" s="16">
        <v>44476</v>
      </c>
      <c r="C209" s="15">
        <v>44476.576412037037</v>
      </c>
      <c r="D209" s="1">
        <v>322</v>
      </c>
      <c r="E209" s="1">
        <v>13.78</v>
      </c>
      <c r="F209" s="1">
        <v>4437.16</v>
      </c>
      <c r="G209" s="1" t="s">
        <v>6</v>
      </c>
    </row>
    <row r="210" spans="2:7" x14ac:dyDescent="0.35">
      <c r="B210" s="16">
        <v>44476</v>
      </c>
      <c r="C210" s="15">
        <v>44476.587673611109</v>
      </c>
      <c r="D210" s="1">
        <v>15</v>
      </c>
      <c r="E210" s="1">
        <v>13.78</v>
      </c>
      <c r="F210" s="1">
        <v>206.7</v>
      </c>
      <c r="G210" s="1" t="s">
        <v>6</v>
      </c>
    </row>
    <row r="211" spans="2:7" x14ac:dyDescent="0.35">
      <c r="B211" s="16">
        <v>44476</v>
      </c>
      <c r="C211" s="15">
        <v>44476.587673611109</v>
      </c>
      <c r="D211" s="1">
        <v>250</v>
      </c>
      <c r="E211" s="1">
        <v>13.78</v>
      </c>
      <c r="F211" s="1">
        <v>3445</v>
      </c>
      <c r="G211" s="1" t="s">
        <v>6</v>
      </c>
    </row>
    <row r="212" spans="2:7" x14ac:dyDescent="0.35">
      <c r="B212" s="16">
        <v>44476</v>
      </c>
      <c r="C212" s="15">
        <v>44476.587673611109</v>
      </c>
      <c r="D212" s="1">
        <v>64</v>
      </c>
      <c r="E212" s="1">
        <v>13.78</v>
      </c>
      <c r="F212" s="1">
        <v>881.92</v>
      </c>
      <c r="G212" s="1" t="s">
        <v>6</v>
      </c>
    </row>
    <row r="213" spans="2:7" x14ac:dyDescent="0.35">
      <c r="B213" s="16">
        <v>44476</v>
      </c>
      <c r="C213" s="15">
        <v>44476.597870370373</v>
      </c>
      <c r="D213" s="1">
        <v>117</v>
      </c>
      <c r="E213" s="1">
        <v>13.78</v>
      </c>
      <c r="F213" s="1">
        <v>1612.26</v>
      </c>
      <c r="G213" s="1" t="s">
        <v>6</v>
      </c>
    </row>
    <row r="214" spans="2:7" x14ac:dyDescent="0.35">
      <c r="B214" s="16">
        <v>44476</v>
      </c>
      <c r="C214" s="15">
        <v>44476.597870370373</v>
      </c>
      <c r="D214" s="1">
        <v>203</v>
      </c>
      <c r="E214" s="1">
        <v>13.78</v>
      </c>
      <c r="F214" s="1">
        <v>2797.3399999999997</v>
      </c>
      <c r="G214" s="1" t="s">
        <v>6</v>
      </c>
    </row>
    <row r="215" spans="2:7" x14ac:dyDescent="0.35">
      <c r="B215" s="16">
        <v>44476</v>
      </c>
      <c r="C215" s="15">
        <v>44476.607175925928</v>
      </c>
      <c r="D215" s="1">
        <v>8</v>
      </c>
      <c r="E215" s="1">
        <v>13.78</v>
      </c>
      <c r="F215" s="1">
        <v>110.24</v>
      </c>
      <c r="G215" s="1" t="s">
        <v>6</v>
      </c>
    </row>
    <row r="216" spans="2:7" x14ac:dyDescent="0.35">
      <c r="B216" s="16">
        <v>44476</v>
      </c>
      <c r="C216" s="15">
        <v>44476.607175925928</v>
      </c>
      <c r="D216" s="1">
        <v>316</v>
      </c>
      <c r="E216" s="1">
        <v>13.78</v>
      </c>
      <c r="F216" s="1">
        <v>4354.4799999999996</v>
      </c>
      <c r="G216" s="1" t="s">
        <v>6</v>
      </c>
    </row>
    <row r="217" spans="2:7" x14ac:dyDescent="0.35">
      <c r="B217" s="16">
        <v>44476</v>
      </c>
      <c r="C217" s="15">
        <v>44476.616180555553</v>
      </c>
      <c r="D217" s="1">
        <v>269</v>
      </c>
      <c r="E217" s="1">
        <v>13.78</v>
      </c>
      <c r="F217" s="1">
        <v>3706.8199999999997</v>
      </c>
      <c r="G217" s="1" t="s">
        <v>6</v>
      </c>
    </row>
    <row r="218" spans="2:7" x14ac:dyDescent="0.35">
      <c r="B218" s="16">
        <v>44476</v>
      </c>
      <c r="C218" s="15">
        <v>44476.616180555553</v>
      </c>
      <c r="D218" s="1">
        <v>89</v>
      </c>
      <c r="E218" s="1">
        <v>13.78</v>
      </c>
      <c r="F218" s="1">
        <v>1226.4199999999998</v>
      </c>
      <c r="G218" s="1" t="s">
        <v>6</v>
      </c>
    </row>
    <row r="219" spans="2:7" x14ac:dyDescent="0.35">
      <c r="B219" s="16">
        <v>44476</v>
      </c>
      <c r="C219" s="15">
        <v>44476.623807870368</v>
      </c>
      <c r="D219" s="1">
        <v>143</v>
      </c>
      <c r="E219" s="1">
        <v>13.74</v>
      </c>
      <c r="F219" s="1">
        <v>1964.82</v>
      </c>
      <c r="G219" s="1" t="s">
        <v>6</v>
      </c>
    </row>
    <row r="220" spans="2:7" x14ac:dyDescent="0.35">
      <c r="B220" s="16">
        <v>44476</v>
      </c>
      <c r="C220" s="15">
        <v>44476.623807870368</v>
      </c>
      <c r="D220" s="1">
        <v>757</v>
      </c>
      <c r="E220" s="1">
        <v>13.74</v>
      </c>
      <c r="F220" s="1">
        <v>10401.18</v>
      </c>
      <c r="G220" s="1" t="s">
        <v>6</v>
      </c>
    </row>
    <row r="221" spans="2:7" x14ac:dyDescent="0.35">
      <c r="B221" s="16">
        <v>44476</v>
      </c>
      <c r="C221" s="15">
        <v>44476.629282407404</v>
      </c>
      <c r="D221" s="1">
        <v>88</v>
      </c>
      <c r="E221" s="1">
        <v>13.78</v>
      </c>
      <c r="F221" s="1">
        <v>1212.6399999999999</v>
      </c>
      <c r="G221" s="1" t="s">
        <v>6</v>
      </c>
    </row>
    <row r="222" spans="2:7" x14ac:dyDescent="0.35">
      <c r="B222" s="16">
        <v>44476</v>
      </c>
      <c r="C222" s="15">
        <v>44476.629282407404</v>
      </c>
      <c r="D222" s="1">
        <v>152</v>
      </c>
      <c r="E222" s="1">
        <v>13.78</v>
      </c>
      <c r="F222" s="1">
        <v>2094.56</v>
      </c>
      <c r="G222" s="1" t="s">
        <v>6</v>
      </c>
    </row>
    <row r="223" spans="2:7" x14ac:dyDescent="0.35">
      <c r="B223" s="16">
        <v>44476</v>
      </c>
      <c r="C223" s="15">
        <v>44476.629282407404</v>
      </c>
      <c r="D223" s="1">
        <v>80</v>
      </c>
      <c r="E223" s="1">
        <v>13.78</v>
      </c>
      <c r="F223" s="1">
        <v>1102.3999999999999</v>
      </c>
      <c r="G223" s="1" t="s">
        <v>6</v>
      </c>
    </row>
    <row r="224" spans="2:7" x14ac:dyDescent="0.35">
      <c r="B224" s="16">
        <v>44476</v>
      </c>
      <c r="C224" s="15">
        <v>44476.644189814811</v>
      </c>
      <c r="D224" s="1">
        <v>350</v>
      </c>
      <c r="E224" s="1">
        <v>13.76</v>
      </c>
      <c r="F224" s="1">
        <v>4816</v>
      </c>
      <c r="G224" s="1" t="s">
        <v>6</v>
      </c>
    </row>
    <row r="225" spans="2:7" x14ac:dyDescent="0.35">
      <c r="B225" s="16">
        <v>44476</v>
      </c>
      <c r="C225" s="15">
        <v>44476.644780092596</v>
      </c>
      <c r="D225" s="1">
        <v>1</v>
      </c>
      <c r="E225" s="1">
        <v>13.76</v>
      </c>
      <c r="F225" s="1">
        <v>13.76</v>
      </c>
      <c r="G225" s="1" t="s">
        <v>6</v>
      </c>
    </row>
    <row r="226" spans="2:7" x14ac:dyDescent="0.35">
      <c r="B226" s="16">
        <v>44476</v>
      </c>
      <c r="C226" s="15">
        <v>44476.645775462966</v>
      </c>
      <c r="D226" s="1">
        <v>5</v>
      </c>
      <c r="E226" s="1">
        <v>13.76</v>
      </c>
      <c r="F226" s="1">
        <v>68.8</v>
      </c>
      <c r="G226" s="1" t="s">
        <v>6</v>
      </c>
    </row>
    <row r="227" spans="2:7" x14ac:dyDescent="0.35">
      <c r="B227" s="16">
        <v>44476</v>
      </c>
      <c r="C227" s="15">
        <v>44476.647696759261</v>
      </c>
      <c r="D227" s="1">
        <v>203</v>
      </c>
      <c r="E227" s="1">
        <v>13.84</v>
      </c>
      <c r="F227" s="1">
        <v>2809.52</v>
      </c>
      <c r="G227" s="1" t="s">
        <v>6</v>
      </c>
    </row>
    <row r="228" spans="2:7" x14ac:dyDescent="0.35">
      <c r="B228" s="16">
        <v>44476</v>
      </c>
      <c r="C228" s="15">
        <v>44476.647696759261</v>
      </c>
      <c r="D228" s="1">
        <v>130</v>
      </c>
      <c r="E228" s="1">
        <v>13.84</v>
      </c>
      <c r="F228" s="1">
        <v>1799.2</v>
      </c>
      <c r="G228" s="1" t="s">
        <v>6</v>
      </c>
    </row>
    <row r="229" spans="2:7" x14ac:dyDescent="0.35">
      <c r="B229" s="16">
        <v>44476</v>
      </c>
      <c r="C229" s="15">
        <v>44476.652719907404</v>
      </c>
      <c r="D229" s="1">
        <v>191</v>
      </c>
      <c r="E229" s="1">
        <v>13.82</v>
      </c>
      <c r="F229" s="1">
        <v>2639.62</v>
      </c>
      <c r="G229" s="1" t="s">
        <v>6</v>
      </c>
    </row>
    <row r="230" spans="2:7" x14ac:dyDescent="0.35">
      <c r="B230" s="16">
        <v>44476</v>
      </c>
      <c r="C230" s="15">
        <v>44476.652719907404</v>
      </c>
      <c r="D230" s="1">
        <v>158</v>
      </c>
      <c r="E230" s="1">
        <v>13.82</v>
      </c>
      <c r="F230" s="1">
        <v>2183.56</v>
      </c>
      <c r="G230" s="1" t="s">
        <v>6</v>
      </c>
    </row>
    <row r="231" spans="2:7" x14ac:dyDescent="0.35">
      <c r="B231" s="16">
        <v>44476</v>
      </c>
      <c r="C231" s="15">
        <v>44476.663287037038</v>
      </c>
      <c r="D231" s="1">
        <v>347</v>
      </c>
      <c r="E231" s="1">
        <v>13.84</v>
      </c>
      <c r="F231" s="1">
        <v>4802.4799999999996</v>
      </c>
      <c r="G231" s="1" t="s">
        <v>6</v>
      </c>
    </row>
    <row r="232" spans="2:7" x14ac:dyDescent="0.35">
      <c r="B232" s="16">
        <v>44476</v>
      </c>
      <c r="C232" s="15">
        <v>44476.680231481485</v>
      </c>
      <c r="D232" s="1">
        <v>20</v>
      </c>
      <c r="E232" s="1">
        <v>13.86</v>
      </c>
      <c r="F232" s="1">
        <v>277.2</v>
      </c>
      <c r="G232" s="1" t="s">
        <v>6</v>
      </c>
    </row>
    <row r="233" spans="2:7" x14ac:dyDescent="0.35">
      <c r="B233" s="16">
        <v>44476</v>
      </c>
      <c r="C233" s="15">
        <v>44476.688101851854</v>
      </c>
      <c r="D233" s="1">
        <v>656</v>
      </c>
      <c r="E233" s="1">
        <v>13.88</v>
      </c>
      <c r="F233" s="1">
        <v>9105.2800000000007</v>
      </c>
      <c r="G233" s="1" t="s">
        <v>6</v>
      </c>
    </row>
    <row r="234" spans="2:7" x14ac:dyDescent="0.35">
      <c r="B234" s="16">
        <v>44476</v>
      </c>
      <c r="C234" s="15">
        <v>44476.688391203701</v>
      </c>
      <c r="D234" s="1">
        <v>692</v>
      </c>
      <c r="E234" s="1">
        <v>13.86</v>
      </c>
      <c r="F234" s="1">
        <v>9591.119999999999</v>
      </c>
      <c r="G234" s="1" t="s">
        <v>6</v>
      </c>
    </row>
    <row r="235" spans="2:7" x14ac:dyDescent="0.35">
      <c r="B235" s="16">
        <v>44476</v>
      </c>
      <c r="C235" s="15">
        <v>44476.688391203701</v>
      </c>
      <c r="D235" s="1">
        <v>382</v>
      </c>
      <c r="E235" s="1">
        <v>13.86</v>
      </c>
      <c r="F235" s="1">
        <v>5294.5199999999995</v>
      </c>
      <c r="G235" s="1" t="s">
        <v>6</v>
      </c>
    </row>
    <row r="236" spans="2:7" x14ac:dyDescent="0.35">
      <c r="B236" s="16">
        <v>44476</v>
      </c>
      <c r="C236" s="15">
        <v>44476.71361111111</v>
      </c>
      <c r="D236" s="1">
        <v>238</v>
      </c>
      <c r="E236" s="1">
        <v>13.9</v>
      </c>
      <c r="F236" s="1">
        <v>3308.2000000000003</v>
      </c>
      <c r="G236" s="1" t="s">
        <v>6</v>
      </c>
    </row>
    <row r="237" spans="2:7" x14ac:dyDescent="0.35">
      <c r="B237" s="16">
        <v>44476</v>
      </c>
      <c r="C237" s="15">
        <v>44476.71361111111</v>
      </c>
      <c r="D237" s="1">
        <v>88</v>
      </c>
      <c r="E237" s="1">
        <v>13.9</v>
      </c>
      <c r="F237" s="1">
        <v>1223.2</v>
      </c>
      <c r="G237" s="1" t="s">
        <v>6</v>
      </c>
    </row>
    <row r="238" spans="2:7" x14ac:dyDescent="0.35">
      <c r="B238" s="16">
        <v>44476</v>
      </c>
      <c r="C238" s="15">
        <v>44476.721018518518</v>
      </c>
      <c r="D238" s="1">
        <v>332</v>
      </c>
      <c r="E238" s="1">
        <v>13.92</v>
      </c>
      <c r="F238" s="1">
        <v>4621.4399999999996</v>
      </c>
      <c r="G238" s="1" t="s">
        <v>6</v>
      </c>
    </row>
    <row r="239" spans="2:7" x14ac:dyDescent="0.35">
      <c r="B239" s="16">
        <v>44477</v>
      </c>
      <c r="C239" s="15">
        <v>44477.383252314816</v>
      </c>
      <c r="D239" s="1">
        <v>250</v>
      </c>
      <c r="E239" s="1">
        <v>13.9</v>
      </c>
      <c r="F239" s="1">
        <v>3475</v>
      </c>
      <c r="G239" s="1" t="s">
        <v>6</v>
      </c>
    </row>
    <row r="240" spans="2:7" x14ac:dyDescent="0.35">
      <c r="B240" s="16">
        <v>44477</v>
      </c>
      <c r="C240" s="15">
        <v>44477.387164351851</v>
      </c>
      <c r="D240" s="1">
        <v>195</v>
      </c>
      <c r="E240" s="1">
        <v>13.94</v>
      </c>
      <c r="F240" s="1">
        <v>2718.2999999999997</v>
      </c>
      <c r="G240" s="1" t="s">
        <v>6</v>
      </c>
    </row>
    <row r="241" spans="2:7" x14ac:dyDescent="0.35">
      <c r="B241" s="16">
        <v>44477</v>
      </c>
      <c r="C241" s="15">
        <v>44477.387164351851</v>
      </c>
      <c r="D241" s="1">
        <v>956</v>
      </c>
      <c r="E241" s="1">
        <v>13.94</v>
      </c>
      <c r="F241" s="1">
        <v>13326.64</v>
      </c>
      <c r="G241" s="1" t="s">
        <v>6</v>
      </c>
    </row>
    <row r="242" spans="2:7" x14ac:dyDescent="0.35">
      <c r="B242" s="16">
        <v>44477</v>
      </c>
      <c r="C242" s="15">
        <v>44477.387164351851</v>
      </c>
      <c r="D242" s="1">
        <v>150</v>
      </c>
      <c r="E242" s="1">
        <v>13.94</v>
      </c>
      <c r="F242" s="1">
        <v>2091</v>
      </c>
      <c r="G242" s="1" t="s">
        <v>6</v>
      </c>
    </row>
    <row r="243" spans="2:7" x14ac:dyDescent="0.35">
      <c r="B243" s="16">
        <v>44477</v>
      </c>
      <c r="C243" s="15">
        <v>44477.40730324074</v>
      </c>
      <c r="D243" s="1">
        <v>4</v>
      </c>
      <c r="E243" s="1">
        <v>13.94</v>
      </c>
      <c r="F243" s="1">
        <v>55.76</v>
      </c>
      <c r="G243" s="1" t="s">
        <v>6</v>
      </c>
    </row>
    <row r="244" spans="2:7" x14ac:dyDescent="0.35">
      <c r="B244" s="16">
        <v>44477</v>
      </c>
      <c r="C244" s="15">
        <v>44477.408726851849</v>
      </c>
      <c r="D244" s="1">
        <v>218</v>
      </c>
      <c r="E244" s="1">
        <v>13.94</v>
      </c>
      <c r="F244" s="1">
        <v>3038.92</v>
      </c>
      <c r="G244" s="1" t="s">
        <v>6</v>
      </c>
    </row>
    <row r="245" spans="2:7" x14ac:dyDescent="0.35">
      <c r="B245" s="16">
        <v>44477</v>
      </c>
      <c r="C245" s="15">
        <v>44477.412928240738</v>
      </c>
      <c r="D245" s="1">
        <v>373</v>
      </c>
      <c r="E245" s="1">
        <v>13.96</v>
      </c>
      <c r="F245" s="1">
        <v>5207.08</v>
      </c>
      <c r="G245" s="1" t="s">
        <v>6</v>
      </c>
    </row>
    <row r="246" spans="2:7" x14ac:dyDescent="0.35">
      <c r="B246" s="16">
        <v>44477</v>
      </c>
      <c r="C246" s="15">
        <v>44477.416875000003</v>
      </c>
      <c r="D246" s="1">
        <v>485</v>
      </c>
      <c r="E246" s="1">
        <v>13.94</v>
      </c>
      <c r="F246" s="1">
        <v>6760.9</v>
      </c>
      <c r="G246" s="1" t="s">
        <v>6</v>
      </c>
    </row>
    <row r="247" spans="2:7" x14ac:dyDescent="0.35">
      <c r="B247" s="16">
        <v>44477</v>
      </c>
      <c r="C247" s="15">
        <v>44477.416875000003</v>
      </c>
      <c r="D247" s="1">
        <v>377</v>
      </c>
      <c r="E247" s="1">
        <v>13.94</v>
      </c>
      <c r="F247" s="1">
        <v>5255.38</v>
      </c>
      <c r="G247" s="1" t="s">
        <v>6</v>
      </c>
    </row>
    <row r="248" spans="2:7" x14ac:dyDescent="0.35">
      <c r="B248" s="16">
        <v>44477</v>
      </c>
      <c r="C248" s="15">
        <v>44477.427129629628</v>
      </c>
      <c r="D248" s="1">
        <v>326</v>
      </c>
      <c r="E248" s="1">
        <v>13.92</v>
      </c>
      <c r="F248" s="1">
        <v>4537.92</v>
      </c>
      <c r="G248" s="1" t="s">
        <v>6</v>
      </c>
    </row>
    <row r="249" spans="2:7" x14ac:dyDescent="0.35">
      <c r="B249" s="16">
        <v>44477</v>
      </c>
      <c r="C249" s="15">
        <v>44477.430648148147</v>
      </c>
      <c r="D249" s="1">
        <v>2</v>
      </c>
      <c r="E249" s="1">
        <v>13.94</v>
      </c>
      <c r="F249" s="1">
        <v>27.88</v>
      </c>
      <c r="G249" s="1" t="s">
        <v>6</v>
      </c>
    </row>
    <row r="250" spans="2:7" x14ac:dyDescent="0.35">
      <c r="B250" s="16">
        <v>44477</v>
      </c>
      <c r="C250" s="15">
        <v>44477.430706018517</v>
      </c>
      <c r="D250" s="1">
        <v>357</v>
      </c>
      <c r="E250" s="1">
        <v>13.94</v>
      </c>
      <c r="F250" s="1">
        <v>4976.58</v>
      </c>
      <c r="G250" s="1" t="s">
        <v>6</v>
      </c>
    </row>
    <row r="251" spans="2:7" x14ac:dyDescent="0.35">
      <c r="B251" s="16">
        <v>44477</v>
      </c>
      <c r="C251" s="15">
        <v>44477.44425925926</v>
      </c>
      <c r="D251" s="1">
        <v>332</v>
      </c>
      <c r="E251" s="1">
        <v>13.94</v>
      </c>
      <c r="F251" s="1">
        <v>4628.08</v>
      </c>
      <c r="G251" s="1" t="s">
        <v>6</v>
      </c>
    </row>
    <row r="252" spans="2:7" x14ac:dyDescent="0.35">
      <c r="B252" s="16">
        <v>44477</v>
      </c>
      <c r="C252" s="15">
        <v>44477.450960648152</v>
      </c>
      <c r="D252" s="1">
        <v>322</v>
      </c>
      <c r="E252" s="1">
        <v>13.94</v>
      </c>
      <c r="F252" s="1">
        <v>4488.68</v>
      </c>
      <c r="G252" s="1" t="s">
        <v>6</v>
      </c>
    </row>
    <row r="253" spans="2:7" x14ac:dyDescent="0.35">
      <c r="B253" s="16">
        <v>44477</v>
      </c>
      <c r="C253" s="15">
        <v>44477.470636574071</v>
      </c>
      <c r="D253" s="1">
        <v>327</v>
      </c>
      <c r="E253" s="1">
        <v>13.92</v>
      </c>
      <c r="F253" s="1">
        <v>4551.84</v>
      </c>
      <c r="G253" s="1" t="s">
        <v>6</v>
      </c>
    </row>
    <row r="254" spans="2:7" x14ac:dyDescent="0.35">
      <c r="B254" s="16">
        <v>44477</v>
      </c>
      <c r="C254" s="15">
        <v>44477.470636574071</v>
      </c>
      <c r="D254" s="1">
        <v>334</v>
      </c>
      <c r="E254" s="1">
        <v>13.92</v>
      </c>
      <c r="F254" s="1">
        <v>4649.28</v>
      </c>
      <c r="G254" s="1" t="s">
        <v>6</v>
      </c>
    </row>
    <row r="255" spans="2:7" x14ac:dyDescent="0.35">
      <c r="B255" s="16">
        <v>44477</v>
      </c>
      <c r="C255" s="15">
        <v>44477.470636574071</v>
      </c>
      <c r="D255" s="1">
        <v>346</v>
      </c>
      <c r="E255" s="1">
        <v>13.92</v>
      </c>
      <c r="F255" s="1">
        <v>4816.32</v>
      </c>
      <c r="G255" s="1" t="s">
        <v>6</v>
      </c>
    </row>
    <row r="256" spans="2:7" x14ac:dyDescent="0.35">
      <c r="B256" s="16">
        <v>44477</v>
      </c>
      <c r="C256" s="15">
        <v>44477.486956018518</v>
      </c>
      <c r="D256" s="1">
        <v>373</v>
      </c>
      <c r="E256" s="1">
        <v>13.94</v>
      </c>
      <c r="F256" s="1">
        <v>5199.62</v>
      </c>
      <c r="G256" s="1" t="s">
        <v>6</v>
      </c>
    </row>
    <row r="257" spans="2:7" x14ac:dyDescent="0.35">
      <c r="B257" s="16">
        <v>44477</v>
      </c>
      <c r="C257" s="15">
        <v>44477.486956018518</v>
      </c>
      <c r="D257" s="1">
        <v>338</v>
      </c>
      <c r="E257" s="1">
        <v>13.94</v>
      </c>
      <c r="F257" s="1">
        <v>4711.72</v>
      </c>
      <c r="G257" s="1" t="s">
        <v>6</v>
      </c>
    </row>
    <row r="258" spans="2:7" x14ac:dyDescent="0.35">
      <c r="B258" s="16">
        <v>44477</v>
      </c>
      <c r="C258" s="15">
        <v>44477.518680555557</v>
      </c>
      <c r="D258" s="1">
        <v>351</v>
      </c>
      <c r="E258" s="1">
        <v>13.94</v>
      </c>
      <c r="F258" s="1">
        <v>4892.9399999999996</v>
      </c>
      <c r="G258" s="1" t="s">
        <v>6</v>
      </c>
    </row>
    <row r="259" spans="2:7" x14ac:dyDescent="0.35">
      <c r="B259" s="16">
        <v>44477</v>
      </c>
      <c r="C259" s="15">
        <v>44477.537800925929</v>
      </c>
      <c r="D259" s="1">
        <v>317</v>
      </c>
      <c r="E259" s="1">
        <v>13.92</v>
      </c>
      <c r="F259" s="1">
        <v>4412.6400000000003</v>
      </c>
      <c r="G259" s="1" t="s">
        <v>6</v>
      </c>
    </row>
    <row r="260" spans="2:7" x14ac:dyDescent="0.35">
      <c r="B260" s="16">
        <v>44477</v>
      </c>
      <c r="C260" s="15">
        <v>44477.537800925929</v>
      </c>
      <c r="D260" s="1">
        <v>315</v>
      </c>
      <c r="E260" s="1">
        <v>13.92</v>
      </c>
      <c r="F260" s="1">
        <v>4384.8</v>
      </c>
      <c r="G260" s="1" t="s">
        <v>6</v>
      </c>
    </row>
    <row r="261" spans="2:7" x14ac:dyDescent="0.35">
      <c r="B261" s="16">
        <v>44477</v>
      </c>
      <c r="C261" s="15">
        <v>44477.537800925929</v>
      </c>
      <c r="D261" s="1">
        <v>315</v>
      </c>
      <c r="E261" s="1">
        <v>13.92</v>
      </c>
      <c r="F261" s="1">
        <v>4384.8</v>
      </c>
      <c r="G261" s="1" t="s">
        <v>6</v>
      </c>
    </row>
    <row r="262" spans="2:7" x14ac:dyDescent="0.35">
      <c r="B262" s="16">
        <v>44477</v>
      </c>
      <c r="C262" s="15">
        <v>44477.537800925929</v>
      </c>
      <c r="D262" s="1">
        <v>473</v>
      </c>
      <c r="E262" s="1">
        <v>13.92</v>
      </c>
      <c r="F262" s="1">
        <v>6584.16</v>
      </c>
      <c r="G262" s="1" t="s">
        <v>6</v>
      </c>
    </row>
    <row r="263" spans="2:7" x14ac:dyDescent="0.35">
      <c r="B263" s="16">
        <v>44477</v>
      </c>
      <c r="C263" s="15">
        <v>44477.537800925929</v>
      </c>
      <c r="D263" s="1">
        <v>12</v>
      </c>
      <c r="E263" s="1">
        <v>13.92</v>
      </c>
      <c r="F263" s="1">
        <v>167.04</v>
      </c>
      <c r="G263" s="1" t="s">
        <v>6</v>
      </c>
    </row>
    <row r="264" spans="2:7" x14ac:dyDescent="0.35">
      <c r="B264" s="16">
        <v>44477</v>
      </c>
      <c r="C264" s="15">
        <v>44477.537800925929</v>
      </c>
      <c r="D264" s="1">
        <v>149</v>
      </c>
      <c r="E264" s="1">
        <v>13.92</v>
      </c>
      <c r="F264" s="1">
        <v>2074.08</v>
      </c>
      <c r="G264" s="1" t="s">
        <v>6</v>
      </c>
    </row>
    <row r="265" spans="2:7" x14ac:dyDescent="0.35">
      <c r="B265" s="16">
        <v>44477</v>
      </c>
      <c r="C265" s="15">
        <v>44477.565509259257</v>
      </c>
      <c r="D265" s="1">
        <v>34</v>
      </c>
      <c r="E265" s="1">
        <v>13.92</v>
      </c>
      <c r="F265" s="1">
        <v>473.28</v>
      </c>
      <c r="G265" s="1" t="s">
        <v>6</v>
      </c>
    </row>
    <row r="266" spans="2:7" x14ac:dyDescent="0.35">
      <c r="B266" s="16">
        <v>44477</v>
      </c>
      <c r="C266" s="15">
        <v>44477.565509259257</v>
      </c>
      <c r="D266" s="1">
        <v>319</v>
      </c>
      <c r="E266" s="1">
        <v>13.92</v>
      </c>
      <c r="F266" s="1">
        <v>4440.4799999999996</v>
      </c>
      <c r="G266" s="1" t="s">
        <v>6</v>
      </c>
    </row>
    <row r="267" spans="2:7" x14ac:dyDescent="0.35">
      <c r="B267" s="16">
        <v>44477</v>
      </c>
      <c r="C267" s="15">
        <v>44477.565509259257</v>
      </c>
      <c r="D267" s="1">
        <v>66</v>
      </c>
      <c r="E267" s="1">
        <v>13.92</v>
      </c>
      <c r="F267" s="1">
        <v>918.72</v>
      </c>
      <c r="G267" s="1" t="s">
        <v>6</v>
      </c>
    </row>
    <row r="268" spans="2:7" x14ac:dyDescent="0.35">
      <c r="B268" s="16">
        <v>44477</v>
      </c>
      <c r="C268" s="15">
        <v>44477.565509259257</v>
      </c>
      <c r="D268" s="1">
        <v>300</v>
      </c>
      <c r="E268" s="1">
        <v>13.92</v>
      </c>
      <c r="F268" s="1">
        <v>4176</v>
      </c>
      <c r="G268" s="1" t="s">
        <v>6</v>
      </c>
    </row>
    <row r="269" spans="2:7" x14ac:dyDescent="0.35">
      <c r="B269" s="16">
        <v>44477</v>
      </c>
      <c r="C269" s="15">
        <v>44477.596863425926</v>
      </c>
      <c r="D269" s="1">
        <v>90</v>
      </c>
      <c r="E269" s="1">
        <v>13.94</v>
      </c>
      <c r="F269" s="1">
        <v>1254.5999999999999</v>
      </c>
      <c r="G269" s="1" t="s">
        <v>6</v>
      </c>
    </row>
    <row r="270" spans="2:7" x14ac:dyDescent="0.35">
      <c r="B270" s="16">
        <v>44477</v>
      </c>
      <c r="C270" s="15">
        <v>44477.596863425926</v>
      </c>
      <c r="D270" s="1">
        <v>250</v>
      </c>
      <c r="E270" s="1">
        <v>13.94</v>
      </c>
      <c r="F270" s="1">
        <v>3485</v>
      </c>
      <c r="G270" s="1" t="s">
        <v>6</v>
      </c>
    </row>
    <row r="271" spans="2:7" x14ac:dyDescent="0.35">
      <c r="B271" s="16">
        <v>44477</v>
      </c>
      <c r="C271" s="15">
        <v>44477.596863425926</v>
      </c>
      <c r="D271" s="1">
        <v>24</v>
      </c>
      <c r="E271" s="1">
        <v>13.94</v>
      </c>
      <c r="F271" s="1">
        <v>334.56</v>
      </c>
      <c r="G271" s="1" t="s">
        <v>6</v>
      </c>
    </row>
    <row r="272" spans="2:7" x14ac:dyDescent="0.35">
      <c r="B272" s="16">
        <v>44477</v>
      </c>
      <c r="C272" s="15">
        <v>44477.599791666667</v>
      </c>
      <c r="D272" s="1">
        <v>20</v>
      </c>
      <c r="E272" s="1">
        <v>13.9</v>
      </c>
      <c r="F272" s="1">
        <v>278</v>
      </c>
      <c r="G272" s="1" t="s">
        <v>6</v>
      </c>
    </row>
    <row r="273" spans="2:7" x14ac:dyDescent="0.35">
      <c r="B273" s="16">
        <v>44477</v>
      </c>
      <c r="C273" s="15">
        <v>44477.599791666667</v>
      </c>
      <c r="D273" s="1">
        <v>302</v>
      </c>
      <c r="E273" s="1">
        <v>13.9</v>
      </c>
      <c r="F273" s="1">
        <v>4197.8</v>
      </c>
      <c r="G273" s="1" t="s">
        <v>6</v>
      </c>
    </row>
    <row r="274" spans="2:7" x14ac:dyDescent="0.35">
      <c r="B274" s="16">
        <v>44477</v>
      </c>
      <c r="C274" s="15">
        <v>44477.599791666667</v>
      </c>
      <c r="D274" s="1">
        <v>326</v>
      </c>
      <c r="E274" s="1">
        <v>13.9</v>
      </c>
      <c r="F274" s="1">
        <v>4531.4000000000005</v>
      </c>
      <c r="G274" s="1" t="s">
        <v>6</v>
      </c>
    </row>
    <row r="275" spans="2:7" x14ac:dyDescent="0.35">
      <c r="B275" s="16">
        <v>44477</v>
      </c>
      <c r="C275" s="15">
        <v>44477.599791666667</v>
      </c>
      <c r="D275" s="1">
        <v>340</v>
      </c>
      <c r="E275" s="1">
        <v>13.9</v>
      </c>
      <c r="F275" s="1">
        <v>4726</v>
      </c>
      <c r="G275" s="1" t="s">
        <v>6</v>
      </c>
    </row>
    <row r="276" spans="2:7" x14ac:dyDescent="0.35">
      <c r="B276" s="16">
        <v>44477</v>
      </c>
      <c r="C276" s="15">
        <v>44477.614340277774</v>
      </c>
      <c r="D276" s="1">
        <v>122</v>
      </c>
      <c r="E276" s="1">
        <v>13.72</v>
      </c>
      <c r="F276" s="1">
        <v>1673.8400000000001</v>
      </c>
      <c r="G276" s="1" t="s">
        <v>6</v>
      </c>
    </row>
    <row r="277" spans="2:7" x14ac:dyDescent="0.35">
      <c r="B277" s="16">
        <v>44477</v>
      </c>
      <c r="C277" s="15">
        <v>44477.614340277774</v>
      </c>
      <c r="D277" s="1">
        <v>221</v>
      </c>
      <c r="E277" s="1">
        <v>13.72</v>
      </c>
      <c r="F277" s="1">
        <v>3032.1200000000003</v>
      </c>
      <c r="G277" s="1" t="s">
        <v>6</v>
      </c>
    </row>
    <row r="278" spans="2:7" x14ac:dyDescent="0.35">
      <c r="B278" s="16">
        <v>44477</v>
      </c>
      <c r="C278" s="15">
        <v>44477.621249999997</v>
      </c>
      <c r="D278" s="1">
        <v>224</v>
      </c>
      <c r="E278" s="1">
        <v>13.64</v>
      </c>
      <c r="F278" s="1">
        <v>3055.36</v>
      </c>
      <c r="G278" s="1" t="s">
        <v>6</v>
      </c>
    </row>
    <row r="279" spans="2:7" x14ac:dyDescent="0.35">
      <c r="B279" s="16">
        <v>44477</v>
      </c>
      <c r="C279" s="15">
        <v>44477.621249999997</v>
      </c>
      <c r="D279" s="1">
        <v>132</v>
      </c>
      <c r="E279" s="1">
        <v>13.64</v>
      </c>
      <c r="F279" s="1">
        <v>1800.48</v>
      </c>
      <c r="G279" s="1" t="s">
        <v>6</v>
      </c>
    </row>
    <row r="280" spans="2:7" x14ac:dyDescent="0.35">
      <c r="B280" s="16">
        <v>44477</v>
      </c>
      <c r="C280" s="15">
        <v>44477.646840277775</v>
      </c>
      <c r="D280" s="1">
        <v>356</v>
      </c>
      <c r="E280" s="1">
        <v>13.66</v>
      </c>
      <c r="F280" s="1">
        <v>4862.96</v>
      </c>
      <c r="G280" s="1" t="s">
        <v>6</v>
      </c>
    </row>
    <row r="281" spans="2:7" x14ac:dyDescent="0.35">
      <c r="B281" s="16">
        <v>44477</v>
      </c>
      <c r="C281" s="15">
        <v>44477.646840277775</v>
      </c>
      <c r="D281" s="1">
        <v>92</v>
      </c>
      <c r="E281" s="1">
        <v>13.66</v>
      </c>
      <c r="F281" s="1">
        <v>1256.72</v>
      </c>
      <c r="G281" s="1" t="s">
        <v>6</v>
      </c>
    </row>
    <row r="282" spans="2:7" x14ac:dyDescent="0.35">
      <c r="B282" s="16">
        <v>44477</v>
      </c>
      <c r="C282" s="15">
        <v>44477.648043981484</v>
      </c>
      <c r="D282" s="1">
        <v>142</v>
      </c>
      <c r="E282" s="1">
        <v>13.7</v>
      </c>
      <c r="F282" s="1">
        <v>1945.3999999999999</v>
      </c>
      <c r="G282" s="1" t="s">
        <v>6</v>
      </c>
    </row>
    <row r="283" spans="2:7" x14ac:dyDescent="0.35">
      <c r="B283" s="16">
        <v>44477</v>
      </c>
      <c r="C283" s="15">
        <v>44477.648043981484</v>
      </c>
      <c r="D283" s="1">
        <v>520</v>
      </c>
      <c r="E283" s="1">
        <v>13.7</v>
      </c>
      <c r="F283" s="1">
        <v>7124</v>
      </c>
      <c r="G283" s="1" t="s">
        <v>6</v>
      </c>
    </row>
    <row r="284" spans="2:7" x14ac:dyDescent="0.35">
      <c r="B284" s="16">
        <v>44477</v>
      </c>
      <c r="C284" s="15">
        <v>44477.655648148146</v>
      </c>
      <c r="D284" s="1">
        <v>649</v>
      </c>
      <c r="E284" s="1">
        <v>13.72</v>
      </c>
      <c r="F284" s="1">
        <v>8904.2800000000007</v>
      </c>
      <c r="G284" s="1" t="s">
        <v>6</v>
      </c>
    </row>
    <row r="285" spans="2:7" x14ac:dyDescent="0.35">
      <c r="B285" s="16">
        <v>44477</v>
      </c>
      <c r="C285" s="15">
        <v>44477.673368055555</v>
      </c>
      <c r="D285" s="1">
        <v>29</v>
      </c>
      <c r="E285" s="1">
        <v>13.74</v>
      </c>
      <c r="F285" s="1">
        <v>398.46</v>
      </c>
      <c r="G285" s="1" t="s">
        <v>6</v>
      </c>
    </row>
    <row r="286" spans="2:7" x14ac:dyDescent="0.35">
      <c r="B286" s="16">
        <v>44477</v>
      </c>
      <c r="C286" s="15">
        <v>44477.673368055555</v>
      </c>
      <c r="D286" s="1">
        <v>250</v>
      </c>
      <c r="E286" s="1">
        <v>13.74</v>
      </c>
      <c r="F286" s="1">
        <v>3435</v>
      </c>
      <c r="G286" s="1" t="s">
        <v>6</v>
      </c>
    </row>
    <row r="287" spans="2:7" x14ac:dyDescent="0.35">
      <c r="B287" s="16">
        <v>44477</v>
      </c>
      <c r="C287" s="15">
        <v>44477.674062500002</v>
      </c>
      <c r="D287" s="1">
        <v>607</v>
      </c>
      <c r="E287" s="1">
        <v>13.72</v>
      </c>
      <c r="F287" s="1">
        <v>8328.0400000000009</v>
      </c>
      <c r="G287" s="1" t="s">
        <v>6</v>
      </c>
    </row>
    <row r="288" spans="2:7" x14ac:dyDescent="0.35">
      <c r="B288" s="16">
        <v>44477</v>
      </c>
      <c r="C288" s="15">
        <v>44477.674062500002</v>
      </c>
      <c r="D288" s="1">
        <v>152</v>
      </c>
      <c r="E288" s="1">
        <v>13.72</v>
      </c>
      <c r="F288" s="1">
        <v>2085.44</v>
      </c>
      <c r="G288" s="1" t="s">
        <v>6</v>
      </c>
    </row>
    <row r="289" spans="2:7" x14ac:dyDescent="0.35">
      <c r="B289" s="16">
        <v>44477</v>
      </c>
      <c r="C289" s="15">
        <v>44477.687905092593</v>
      </c>
      <c r="D289" s="1">
        <v>670</v>
      </c>
      <c r="E289" s="1">
        <v>13.68</v>
      </c>
      <c r="F289" s="1">
        <v>9165.6</v>
      </c>
      <c r="G289" s="1" t="s">
        <v>6</v>
      </c>
    </row>
    <row r="290" spans="2:7" x14ac:dyDescent="0.35">
      <c r="B290" s="16">
        <v>44477</v>
      </c>
      <c r="C290" s="15">
        <v>44477.691261574073</v>
      </c>
      <c r="D290" s="1">
        <v>28</v>
      </c>
      <c r="E290" s="1">
        <v>13.76</v>
      </c>
      <c r="F290" s="1">
        <v>385.28</v>
      </c>
      <c r="G290" s="1" t="s">
        <v>6</v>
      </c>
    </row>
    <row r="291" spans="2:7" x14ac:dyDescent="0.35">
      <c r="B291" s="16">
        <v>44477</v>
      </c>
      <c r="C291" s="15">
        <v>44477.694965277777</v>
      </c>
      <c r="D291" s="1">
        <v>330</v>
      </c>
      <c r="E291" s="1">
        <v>13.76</v>
      </c>
      <c r="F291" s="1">
        <v>4540.8</v>
      </c>
      <c r="G291" s="1" t="s">
        <v>6</v>
      </c>
    </row>
    <row r="292" spans="2:7" x14ac:dyDescent="0.35">
      <c r="B292" s="16">
        <v>44477</v>
      </c>
      <c r="C292" s="15">
        <v>44477.699456018519</v>
      </c>
      <c r="D292" s="1">
        <v>320</v>
      </c>
      <c r="E292" s="1">
        <v>13.78</v>
      </c>
      <c r="F292" s="1">
        <v>4409.5999999999995</v>
      </c>
      <c r="G292" s="1" t="s">
        <v>6</v>
      </c>
    </row>
    <row r="293" spans="2:7" x14ac:dyDescent="0.35">
      <c r="B293" s="16">
        <v>44477</v>
      </c>
      <c r="C293" s="15">
        <v>44477.702800925923</v>
      </c>
      <c r="D293" s="1">
        <v>321</v>
      </c>
      <c r="E293" s="1">
        <v>13.78</v>
      </c>
      <c r="F293" s="1">
        <v>4423.38</v>
      </c>
      <c r="G293" s="1" t="s">
        <v>6</v>
      </c>
    </row>
    <row r="294" spans="2:7" x14ac:dyDescent="0.35">
      <c r="B294" s="16">
        <v>44477</v>
      </c>
      <c r="C294" s="15">
        <v>44477.702800925923</v>
      </c>
      <c r="D294" s="1">
        <v>27</v>
      </c>
      <c r="E294" s="1">
        <v>13.78</v>
      </c>
      <c r="F294" s="1">
        <v>372.06</v>
      </c>
      <c r="G294" s="1" t="s">
        <v>6</v>
      </c>
    </row>
    <row r="295" spans="2:7" x14ac:dyDescent="0.35">
      <c r="B295" s="16">
        <v>44477</v>
      </c>
      <c r="C295" s="15">
        <v>44477.716377314813</v>
      </c>
      <c r="D295" s="1">
        <v>353</v>
      </c>
      <c r="E295" s="1">
        <v>13.8</v>
      </c>
      <c r="F295" s="1">
        <v>4871.4000000000005</v>
      </c>
      <c r="G295" s="1" t="s">
        <v>6</v>
      </c>
    </row>
    <row r="296" spans="2:7" x14ac:dyDescent="0.35">
      <c r="B296" s="16">
        <v>44477</v>
      </c>
      <c r="C296" s="15">
        <v>44477.722037037034</v>
      </c>
      <c r="D296" s="1">
        <v>172</v>
      </c>
      <c r="E296" s="1">
        <v>13.82</v>
      </c>
      <c r="F296" s="1">
        <v>2377.04</v>
      </c>
      <c r="G296" s="1" t="s">
        <v>6</v>
      </c>
    </row>
    <row r="297" spans="2:7" x14ac:dyDescent="0.35">
      <c r="B297" s="16">
        <v>44477</v>
      </c>
      <c r="C297" s="15">
        <v>44477.722037037034</v>
      </c>
      <c r="D297" s="1">
        <v>28</v>
      </c>
      <c r="E297" s="1">
        <v>13.82</v>
      </c>
      <c r="F297" s="1">
        <v>386.96000000000004</v>
      </c>
      <c r="G297" s="1" t="s">
        <v>6</v>
      </c>
    </row>
    <row r="298" spans="2:7" x14ac:dyDescent="0.35">
      <c r="B298" s="16">
        <v>44477</v>
      </c>
      <c r="C298" s="15">
        <v>44477.722037037034</v>
      </c>
      <c r="D298" s="1">
        <v>187</v>
      </c>
      <c r="E298" s="1">
        <v>13.82</v>
      </c>
      <c r="F298" s="1">
        <v>2584.34</v>
      </c>
      <c r="G298" s="1" t="s">
        <v>6</v>
      </c>
    </row>
  </sheetData>
  <mergeCells count="2">
    <mergeCell ref="A2:G2"/>
    <mergeCell ref="B10:G10"/>
  </mergeCells>
  <pageMargins left="0.7" right="0.7" top="0.75" bottom="0.75" header="0.3" footer="0.3"/>
  <pageSetup paperSize="9"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2:L253"/>
  <sheetViews>
    <sheetView zoomScale="80" zoomScaleNormal="80" workbookViewId="0">
      <selection activeCell="I8" sqref="I8"/>
    </sheetView>
  </sheetViews>
  <sheetFormatPr defaultColWidth="9" defaultRowHeight="14.5" x14ac:dyDescent="0.35"/>
  <cols>
    <col min="1" max="1" width="3.58203125" style="1" customWidth="1"/>
    <col min="2" max="2" width="14.33203125" style="1" customWidth="1"/>
    <col min="3" max="3" width="15.25" style="1" bestFit="1" customWidth="1"/>
    <col min="4" max="4" width="10.58203125" style="1" customWidth="1"/>
    <col min="5" max="5" width="10" style="1" customWidth="1"/>
    <col min="6" max="6" width="14.33203125" style="1" customWidth="1"/>
    <col min="7" max="7" width="17.5" style="1" customWidth="1"/>
    <col min="8" max="16384" width="9" style="1"/>
  </cols>
  <sheetData>
    <row r="2" spans="1:12" ht="21" x14ac:dyDescent="0.5">
      <c r="A2" s="73" t="s">
        <v>0</v>
      </c>
      <c r="B2" s="73"/>
      <c r="C2" s="73"/>
      <c r="D2" s="73"/>
      <c r="E2" s="73"/>
      <c r="F2" s="73"/>
      <c r="G2" s="73"/>
    </row>
    <row r="8" spans="1:12" x14ac:dyDescent="0.35">
      <c r="L8"/>
    </row>
    <row r="10" spans="1:12" ht="18.75" customHeight="1" x14ac:dyDescent="0.35">
      <c r="B10" s="74" t="s">
        <v>11</v>
      </c>
      <c r="C10" s="74"/>
      <c r="D10" s="74"/>
      <c r="E10" s="74"/>
      <c r="F10" s="74"/>
      <c r="G10" s="74"/>
    </row>
    <row r="11" spans="1:12" ht="18.75" customHeight="1" x14ac:dyDescent="0.35">
      <c r="B11" s="2" t="s">
        <v>7</v>
      </c>
      <c r="C11" s="2" t="s">
        <v>12</v>
      </c>
      <c r="D11" s="2" t="s">
        <v>13</v>
      </c>
      <c r="E11" s="2" t="s">
        <v>14</v>
      </c>
      <c r="F11" s="2" t="s">
        <v>15</v>
      </c>
      <c r="G11" s="2" t="s">
        <v>16</v>
      </c>
    </row>
    <row r="12" spans="1:12" x14ac:dyDescent="0.35">
      <c r="B12" s="16">
        <v>44467</v>
      </c>
      <c r="C12" s="15">
        <v>44467.378854166665</v>
      </c>
      <c r="D12" s="1">
        <v>279</v>
      </c>
      <c r="E12" s="1">
        <v>13.04</v>
      </c>
      <c r="F12" s="1">
        <v>3638.16</v>
      </c>
      <c r="G12" s="1" t="s">
        <v>6</v>
      </c>
    </row>
    <row r="13" spans="1:12" x14ac:dyDescent="0.35">
      <c r="B13" s="16">
        <v>44467</v>
      </c>
      <c r="C13" s="15">
        <v>44467.378854166665</v>
      </c>
      <c r="D13" s="1">
        <v>301</v>
      </c>
      <c r="E13" s="1">
        <v>13.06</v>
      </c>
      <c r="F13" s="1">
        <v>3931.06</v>
      </c>
      <c r="G13" s="1" t="s">
        <v>6</v>
      </c>
    </row>
    <row r="14" spans="1:12" x14ac:dyDescent="0.35">
      <c r="B14" s="16">
        <v>44467</v>
      </c>
      <c r="C14" s="15">
        <v>44467.378865740742</v>
      </c>
      <c r="D14" s="1">
        <v>23</v>
      </c>
      <c r="E14" s="1">
        <v>13.04</v>
      </c>
      <c r="F14" s="1">
        <v>299.91999999999996</v>
      </c>
      <c r="G14" s="1" t="s">
        <v>6</v>
      </c>
    </row>
    <row r="15" spans="1:12" x14ac:dyDescent="0.35">
      <c r="B15" s="16">
        <v>44467</v>
      </c>
      <c r="C15" s="15">
        <v>44467.38484953704</v>
      </c>
      <c r="D15" s="1">
        <v>311</v>
      </c>
      <c r="E15" s="1">
        <v>13.08</v>
      </c>
      <c r="F15" s="1">
        <v>4067.88</v>
      </c>
      <c r="G15" s="1" t="s">
        <v>6</v>
      </c>
    </row>
    <row r="16" spans="1:12" x14ac:dyDescent="0.35">
      <c r="B16" s="16">
        <v>44467</v>
      </c>
      <c r="C16" s="15">
        <v>44467.390555555554</v>
      </c>
      <c r="D16" s="1">
        <v>330</v>
      </c>
      <c r="E16" s="1">
        <v>13.06</v>
      </c>
      <c r="F16" s="1">
        <v>4309.8</v>
      </c>
      <c r="G16" s="1" t="s">
        <v>6</v>
      </c>
    </row>
    <row r="17" spans="2:7" x14ac:dyDescent="0.35">
      <c r="B17" s="16">
        <v>44467</v>
      </c>
      <c r="C17" s="15">
        <v>44467.399502314816</v>
      </c>
      <c r="D17" s="1">
        <v>74</v>
      </c>
      <c r="E17" s="1">
        <v>13.1</v>
      </c>
      <c r="F17" s="1">
        <v>969.4</v>
      </c>
      <c r="G17" s="1" t="s">
        <v>6</v>
      </c>
    </row>
    <row r="18" spans="2:7" x14ac:dyDescent="0.35">
      <c r="B18" s="16">
        <v>44467</v>
      </c>
      <c r="C18" s="15">
        <v>44467.399502314816</v>
      </c>
      <c r="D18" s="1">
        <v>302</v>
      </c>
      <c r="E18" s="1">
        <v>13.1</v>
      </c>
      <c r="F18" s="1">
        <v>3956.2</v>
      </c>
      <c r="G18" s="1" t="s">
        <v>6</v>
      </c>
    </row>
    <row r="19" spans="2:7" x14ac:dyDescent="0.35">
      <c r="B19" s="16">
        <v>44467</v>
      </c>
      <c r="C19" s="15">
        <v>44467.399502314816</v>
      </c>
      <c r="D19" s="1">
        <v>250</v>
      </c>
      <c r="E19" s="1">
        <v>13.1</v>
      </c>
      <c r="F19" s="1">
        <v>3275</v>
      </c>
      <c r="G19" s="1" t="s">
        <v>6</v>
      </c>
    </row>
    <row r="20" spans="2:7" x14ac:dyDescent="0.35">
      <c r="B20" s="16">
        <v>44467</v>
      </c>
      <c r="C20" s="15">
        <v>44467.404652777775</v>
      </c>
      <c r="D20" s="1">
        <v>323</v>
      </c>
      <c r="E20" s="1">
        <v>13.04</v>
      </c>
      <c r="F20" s="1">
        <v>4211.92</v>
      </c>
      <c r="G20" s="1" t="s">
        <v>6</v>
      </c>
    </row>
    <row r="21" spans="2:7" x14ac:dyDescent="0.35">
      <c r="B21" s="16">
        <v>44467</v>
      </c>
      <c r="C21" s="15">
        <v>44467.421944444446</v>
      </c>
      <c r="D21" s="1">
        <v>339</v>
      </c>
      <c r="E21" s="1">
        <v>13.04</v>
      </c>
      <c r="F21" s="1">
        <v>4420.5599999999995</v>
      </c>
      <c r="G21" s="1" t="s">
        <v>6</v>
      </c>
    </row>
    <row r="22" spans="2:7" x14ac:dyDescent="0.35">
      <c r="B22" s="16">
        <v>44467</v>
      </c>
      <c r="C22" s="15">
        <v>44467.421944444446</v>
      </c>
      <c r="D22" s="1">
        <v>631</v>
      </c>
      <c r="E22" s="1">
        <v>13.04</v>
      </c>
      <c r="F22" s="1">
        <v>8228.24</v>
      </c>
      <c r="G22" s="1" t="s">
        <v>6</v>
      </c>
    </row>
    <row r="23" spans="2:7" x14ac:dyDescent="0.35">
      <c r="B23" s="16">
        <v>44467</v>
      </c>
      <c r="C23" s="15">
        <v>44467.421944444446</v>
      </c>
      <c r="D23" s="1">
        <v>48</v>
      </c>
      <c r="E23" s="1">
        <v>13.06</v>
      </c>
      <c r="F23" s="1">
        <v>626.88</v>
      </c>
      <c r="G23" s="1" t="s">
        <v>6</v>
      </c>
    </row>
    <row r="24" spans="2:7" x14ac:dyDescent="0.35">
      <c r="B24" s="16">
        <v>44467</v>
      </c>
      <c r="C24" s="15">
        <v>44467.421944444446</v>
      </c>
      <c r="D24" s="1">
        <v>251</v>
      </c>
      <c r="E24" s="1">
        <v>13.06</v>
      </c>
      <c r="F24" s="1">
        <v>3278.06</v>
      </c>
      <c r="G24" s="1" t="s">
        <v>6</v>
      </c>
    </row>
    <row r="25" spans="2:7" x14ac:dyDescent="0.35">
      <c r="B25" s="16">
        <v>44467</v>
      </c>
      <c r="C25" s="15">
        <v>44467.421944444446</v>
      </c>
      <c r="D25" s="1">
        <v>500</v>
      </c>
      <c r="E25" s="1">
        <v>13.04</v>
      </c>
      <c r="F25" s="1">
        <v>6520</v>
      </c>
      <c r="G25" s="1" t="s">
        <v>6</v>
      </c>
    </row>
    <row r="26" spans="2:7" x14ac:dyDescent="0.35">
      <c r="B26" s="16">
        <v>44467</v>
      </c>
      <c r="C26" s="15">
        <v>44467.44190972222</v>
      </c>
      <c r="D26" s="1">
        <v>591</v>
      </c>
      <c r="E26" s="1">
        <v>12.98</v>
      </c>
      <c r="F26" s="1">
        <v>7671.18</v>
      </c>
      <c r="G26" s="1" t="s">
        <v>6</v>
      </c>
    </row>
    <row r="27" spans="2:7" x14ac:dyDescent="0.35">
      <c r="B27" s="16">
        <v>44467</v>
      </c>
      <c r="C27" s="15">
        <v>44467.460324074076</v>
      </c>
      <c r="D27" s="1">
        <v>629</v>
      </c>
      <c r="E27" s="1">
        <v>13.08</v>
      </c>
      <c r="F27" s="1">
        <v>8227.32</v>
      </c>
      <c r="G27" s="1" t="s">
        <v>6</v>
      </c>
    </row>
    <row r="28" spans="2:7" x14ac:dyDescent="0.35">
      <c r="B28" s="16">
        <v>44467</v>
      </c>
      <c r="C28" s="15">
        <v>44467.466331018521</v>
      </c>
      <c r="D28" s="1">
        <v>31</v>
      </c>
      <c r="E28" s="1">
        <v>13.08</v>
      </c>
      <c r="F28" s="1">
        <v>405.48</v>
      </c>
      <c r="G28" s="1" t="s">
        <v>6</v>
      </c>
    </row>
    <row r="29" spans="2:7" x14ac:dyDescent="0.35">
      <c r="B29" s="16">
        <v>44467</v>
      </c>
      <c r="C29" s="15">
        <v>44467.466331018521</v>
      </c>
      <c r="D29" s="1">
        <v>259</v>
      </c>
      <c r="E29" s="1">
        <v>13.08</v>
      </c>
      <c r="F29" s="1">
        <v>3387.72</v>
      </c>
      <c r="G29" s="1" t="s">
        <v>6</v>
      </c>
    </row>
    <row r="30" spans="2:7" x14ac:dyDescent="0.35">
      <c r="B30" s="16">
        <v>44467</v>
      </c>
      <c r="C30" s="15">
        <v>44467.493425925924</v>
      </c>
      <c r="D30" s="1">
        <v>125</v>
      </c>
      <c r="E30" s="1">
        <v>13.06</v>
      </c>
      <c r="F30" s="1">
        <v>1632.5</v>
      </c>
      <c r="G30" s="1" t="s">
        <v>6</v>
      </c>
    </row>
    <row r="31" spans="2:7" x14ac:dyDescent="0.35">
      <c r="B31" s="16">
        <v>44467</v>
      </c>
      <c r="C31" s="15">
        <v>44467.493425925924</v>
      </c>
      <c r="D31" s="1">
        <v>169</v>
      </c>
      <c r="E31" s="1">
        <v>13.06</v>
      </c>
      <c r="F31" s="1">
        <v>2207.14</v>
      </c>
      <c r="G31" s="1" t="s">
        <v>6</v>
      </c>
    </row>
    <row r="32" spans="2:7" x14ac:dyDescent="0.35">
      <c r="B32" s="16">
        <v>44467</v>
      </c>
      <c r="C32" s="15">
        <v>44467.495810185188</v>
      </c>
      <c r="D32" s="1">
        <v>306</v>
      </c>
      <c r="E32" s="1">
        <v>13.04</v>
      </c>
      <c r="F32" s="1">
        <v>3990.24</v>
      </c>
      <c r="G32" s="1" t="s">
        <v>6</v>
      </c>
    </row>
    <row r="33" spans="2:7" x14ac:dyDescent="0.35">
      <c r="B33" s="16">
        <v>44467</v>
      </c>
      <c r="C33" s="15">
        <v>44467.495810185188</v>
      </c>
      <c r="D33" s="1">
        <v>127</v>
      </c>
      <c r="E33" s="1">
        <v>13.04</v>
      </c>
      <c r="F33" s="1">
        <v>1656.08</v>
      </c>
      <c r="G33" s="1" t="s">
        <v>6</v>
      </c>
    </row>
    <row r="34" spans="2:7" x14ac:dyDescent="0.35">
      <c r="B34" s="16">
        <v>44467</v>
      </c>
      <c r="C34" s="15">
        <v>44467.495810185188</v>
      </c>
      <c r="D34" s="1">
        <v>310</v>
      </c>
      <c r="E34" s="1">
        <v>13.04</v>
      </c>
      <c r="F34" s="1">
        <v>4042.3999999999996</v>
      </c>
      <c r="G34" s="1" t="s">
        <v>6</v>
      </c>
    </row>
    <row r="35" spans="2:7" x14ac:dyDescent="0.35">
      <c r="B35" s="16">
        <v>44467</v>
      </c>
      <c r="C35" s="15">
        <v>44467.495810185188</v>
      </c>
      <c r="D35" s="1">
        <v>192</v>
      </c>
      <c r="E35" s="1">
        <v>13.04</v>
      </c>
      <c r="F35" s="1">
        <v>2503.6799999999998</v>
      </c>
      <c r="G35" s="1" t="s">
        <v>6</v>
      </c>
    </row>
    <row r="36" spans="2:7" x14ac:dyDescent="0.35">
      <c r="B36" s="16">
        <v>44467</v>
      </c>
      <c r="C36" s="15">
        <v>44467.515300925923</v>
      </c>
      <c r="D36" s="1">
        <v>312</v>
      </c>
      <c r="E36" s="1">
        <v>13.02</v>
      </c>
      <c r="F36" s="1">
        <v>4062.24</v>
      </c>
      <c r="G36" s="1" t="s">
        <v>6</v>
      </c>
    </row>
    <row r="37" spans="2:7" x14ac:dyDescent="0.35">
      <c r="B37" s="16">
        <v>44467</v>
      </c>
      <c r="C37" s="15">
        <v>44467.524583333332</v>
      </c>
      <c r="D37" s="1">
        <v>300</v>
      </c>
      <c r="E37" s="1">
        <v>13.04</v>
      </c>
      <c r="F37" s="1">
        <v>3911.9999999999995</v>
      </c>
      <c r="G37" s="1" t="s">
        <v>6</v>
      </c>
    </row>
    <row r="38" spans="2:7" x14ac:dyDescent="0.35">
      <c r="B38" s="16">
        <v>44467</v>
      </c>
      <c r="C38" s="15">
        <v>44467.538657407407</v>
      </c>
      <c r="D38" s="1">
        <v>588</v>
      </c>
      <c r="E38" s="1">
        <v>13.04</v>
      </c>
      <c r="F38" s="1">
        <v>7667.5199999999995</v>
      </c>
      <c r="G38" s="1" t="s">
        <v>6</v>
      </c>
    </row>
    <row r="39" spans="2:7" x14ac:dyDescent="0.35">
      <c r="B39" s="16">
        <v>44467</v>
      </c>
      <c r="C39" s="15">
        <v>44467.553761574076</v>
      </c>
      <c r="D39" s="1">
        <v>291</v>
      </c>
      <c r="E39" s="1">
        <v>13.02</v>
      </c>
      <c r="F39" s="1">
        <v>3788.8199999999997</v>
      </c>
      <c r="G39" s="1" t="s">
        <v>6</v>
      </c>
    </row>
    <row r="40" spans="2:7" x14ac:dyDescent="0.35">
      <c r="B40" s="16">
        <v>44467</v>
      </c>
      <c r="C40" s="15">
        <v>44467.573611111111</v>
      </c>
      <c r="D40" s="1">
        <v>560</v>
      </c>
      <c r="E40" s="1">
        <v>13.02</v>
      </c>
      <c r="F40" s="1">
        <v>7291.2</v>
      </c>
      <c r="G40" s="1" t="s">
        <v>6</v>
      </c>
    </row>
    <row r="41" spans="2:7" x14ac:dyDescent="0.35">
      <c r="B41" s="16">
        <v>44467</v>
      </c>
      <c r="C41" s="15">
        <v>44467.573611111111</v>
      </c>
      <c r="D41" s="1">
        <v>44</v>
      </c>
      <c r="E41" s="1">
        <v>13.02</v>
      </c>
      <c r="F41" s="1">
        <v>572.88</v>
      </c>
      <c r="G41" s="1" t="s">
        <v>6</v>
      </c>
    </row>
    <row r="42" spans="2:7" x14ac:dyDescent="0.35">
      <c r="B42" s="16">
        <v>44467</v>
      </c>
      <c r="C42" s="15">
        <v>44467.579861111109</v>
      </c>
      <c r="D42" s="1">
        <v>295</v>
      </c>
      <c r="E42" s="1">
        <v>13</v>
      </c>
      <c r="F42" s="1">
        <v>3835</v>
      </c>
      <c r="G42" s="1" t="s">
        <v>6</v>
      </c>
    </row>
    <row r="43" spans="2:7" x14ac:dyDescent="0.35">
      <c r="B43" s="16">
        <v>44467</v>
      </c>
      <c r="C43" s="15">
        <v>44467.581423611111</v>
      </c>
      <c r="D43" s="1">
        <v>36</v>
      </c>
      <c r="E43" s="1">
        <v>13</v>
      </c>
      <c r="F43" s="1">
        <v>468</v>
      </c>
      <c r="G43" s="1" t="s">
        <v>6</v>
      </c>
    </row>
    <row r="44" spans="2:7" x14ac:dyDescent="0.35">
      <c r="B44" s="16">
        <v>44467</v>
      </c>
      <c r="C44" s="15">
        <v>44467.586585648147</v>
      </c>
      <c r="D44" s="1">
        <v>321</v>
      </c>
      <c r="E44" s="1">
        <v>13</v>
      </c>
      <c r="F44" s="1">
        <v>4173</v>
      </c>
      <c r="G44" s="1" t="s">
        <v>6</v>
      </c>
    </row>
    <row r="45" spans="2:7" x14ac:dyDescent="0.35">
      <c r="B45" s="16">
        <v>44467</v>
      </c>
      <c r="C45" s="15">
        <v>44467.602002314816</v>
      </c>
      <c r="D45" s="1">
        <v>323</v>
      </c>
      <c r="E45" s="1">
        <v>13.02</v>
      </c>
      <c r="F45" s="1">
        <v>4205.46</v>
      </c>
      <c r="G45" s="1" t="s">
        <v>6</v>
      </c>
    </row>
    <row r="46" spans="2:7" x14ac:dyDescent="0.35">
      <c r="B46" s="16">
        <v>44467</v>
      </c>
      <c r="C46" s="15">
        <v>44467.606527777774</v>
      </c>
      <c r="D46" s="1">
        <v>293</v>
      </c>
      <c r="E46" s="1">
        <v>13</v>
      </c>
      <c r="F46" s="1">
        <v>3809</v>
      </c>
      <c r="G46" s="1" t="s">
        <v>6</v>
      </c>
    </row>
    <row r="47" spans="2:7" x14ac:dyDescent="0.35">
      <c r="B47" s="16">
        <v>44467</v>
      </c>
      <c r="C47" s="15">
        <v>44467.606527777774</v>
      </c>
      <c r="D47" s="1">
        <v>264</v>
      </c>
      <c r="E47" s="1">
        <v>13</v>
      </c>
      <c r="F47" s="1">
        <v>3432</v>
      </c>
      <c r="G47" s="1" t="s">
        <v>6</v>
      </c>
    </row>
    <row r="48" spans="2:7" x14ac:dyDescent="0.35">
      <c r="B48" s="16">
        <v>44467</v>
      </c>
      <c r="C48" s="15">
        <v>44467.606527777774</v>
      </c>
      <c r="D48" s="1">
        <v>236</v>
      </c>
      <c r="E48" s="1">
        <v>13</v>
      </c>
      <c r="F48" s="1">
        <v>3068</v>
      </c>
      <c r="G48" s="1" t="s">
        <v>6</v>
      </c>
    </row>
    <row r="49" spans="2:7" x14ac:dyDescent="0.35">
      <c r="B49" s="16">
        <v>44467</v>
      </c>
      <c r="C49" s="15">
        <v>44467.62190972222</v>
      </c>
      <c r="D49" s="1">
        <v>324</v>
      </c>
      <c r="E49" s="1">
        <v>12.94</v>
      </c>
      <c r="F49" s="1">
        <v>4192.5599999999995</v>
      </c>
      <c r="G49" s="1" t="s">
        <v>6</v>
      </c>
    </row>
    <row r="50" spans="2:7" x14ac:dyDescent="0.35">
      <c r="B50" s="16">
        <v>44467</v>
      </c>
      <c r="C50" s="15">
        <v>44467.62190972222</v>
      </c>
      <c r="D50" s="1">
        <v>229</v>
      </c>
      <c r="E50" s="1">
        <v>12.94</v>
      </c>
      <c r="F50" s="1">
        <v>2963.2599999999998</v>
      </c>
      <c r="G50" s="1" t="s">
        <v>6</v>
      </c>
    </row>
    <row r="51" spans="2:7" x14ac:dyDescent="0.35">
      <c r="B51" s="16">
        <v>44467</v>
      </c>
      <c r="C51" s="15">
        <v>44467.62190972222</v>
      </c>
      <c r="D51" s="1">
        <v>111</v>
      </c>
      <c r="E51" s="1">
        <v>12.94</v>
      </c>
      <c r="F51" s="1">
        <v>1436.34</v>
      </c>
      <c r="G51" s="1" t="s">
        <v>6</v>
      </c>
    </row>
    <row r="52" spans="2:7" x14ac:dyDescent="0.35">
      <c r="B52" s="16">
        <v>44467</v>
      </c>
      <c r="C52" s="15">
        <v>44467.633842592593</v>
      </c>
      <c r="D52" s="1">
        <v>295</v>
      </c>
      <c r="E52" s="1">
        <v>12.92</v>
      </c>
      <c r="F52" s="1">
        <v>3811.4</v>
      </c>
      <c r="G52" s="1" t="s">
        <v>6</v>
      </c>
    </row>
    <row r="53" spans="2:7" x14ac:dyDescent="0.35">
      <c r="B53" s="16">
        <v>44467</v>
      </c>
      <c r="C53" s="15">
        <v>44467.646145833336</v>
      </c>
      <c r="D53" s="1">
        <v>290</v>
      </c>
      <c r="E53" s="1">
        <v>12.92</v>
      </c>
      <c r="F53" s="1">
        <v>3746.8</v>
      </c>
      <c r="G53" s="1" t="s">
        <v>6</v>
      </c>
    </row>
    <row r="54" spans="2:7" x14ac:dyDescent="0.35">
      <c r="B54" s="16">
        <v>44467</v>
      </c>
      <c r="C54" s="15">
        <v>44467.646145833336</v>
      </c>
      <c r="D54" s="1">
        <v>301</v>
      </c>
      <c r="E54" s="1">
        <v>12.92</v>
      </c>
      <c r="F54" s="1">
        <v>3888.92</v>
      </c>
      <c r="G54" s="1" t="s">
        <v>6</v>
      </c>
    </row>
    <row r="55" spans="2:7" x14ac:dyDescent="0.35">
      <c r="B55" s="16">
        <v>44467</v>
      </c>
      <c r="C55" s="15">
        <v>44467.648206018515</v>
      </c>
      <c r="D55" s="1">
        <v>500</v>
      </c>
      <c r="E55" s="1">
        <v>12.9</v>
      </c>
      <c r="F55" s="1">
        <v>6450</v>
      </c>
      <c r="G55" s="1" t="s">
        <v>6</v>
      </c>
    </row>
    <row r="56" spans="2:7" x14ac:dyDescent="0.35">
      <c r="B56" s="16">
        <v>44467</v>
      </c>
      <c r="C56" s="15">
        <v>44467.657118055555</v>
      </c>
      <c r="D56" s="1">
        <v>290</v>
      </c>
      <c r="E56" s="1">
        <v>12.9</v>
      </c>
      <c r="F56" s="1">
        <v>3741</v>
      </c>
      <c r="G56" s="1" t="s">
        <v>6</v>
      </c>
    </row>
    <row r="57" spans="2:7" x14ac:dyDescent="0.35">
      <c r="B57" s="16">
        <v>44467</v>
      </c>
      <c r="C57" s="15">
        <v>44467.657118055555</v>
      </c>
      <c r="D57" s="1">
        <v>96</v>
      </c>
      <c r="E57" s="1">
        <v>12.9</v>
      </c>
      <c r="F57" s="1">
        <v>1238.4000000000001</v>
      </c>
      <c r="G57" s="1" t="s">
        <v>6</v>
      </c>
    </row>
    <row r="58" spans="2:7" x14ac:dyDescent="0.35">
      <c r="B58" s="16">
        <v>44467</v>
      </c>
      <c r="C58" s="15">
        <v>44467.657118055555</v>
      </c>
      <c r="D58" s="1">
        <v>87</v>
      </c>
      <c r="E58" s="1">
        <v>12.9</v>
      </c>
      <c r="F58" s="1">
        <v>1122.3</v>
      </c>
      <c r="G58" s="1" t="s">
        <v>6</v>
      </c>
    </row>
    <row r="59" spans="2:7" x14ac:dyDescent="0.35">
      <c r="B59" s="16">
        <v>44467</v>
      </c>
      <c r="C59" s="15">
        <v>44467.657118055555</v>
      </c>
      <c r="D59" s="1">
        <v>108</v>
      </c>
      <c r="E59" s="1">
        <v>12.9</v>
      </c>
      <c r="F59" s="1">
        <v>1393.2</v>
      </c>
      <c r="G59" s="1" t="s">
        <v>6</v>
      </c>
    </row>
    <row r="60" spans="2:7" x14ac:dyDescent="0.35">
      <c r="B60" s="16">
        <v>44467</v>
      </c>
      <c r="C60" s="15">
        <v>44467.668657407405</v>
      </c>
      <c r="D60" s="1">
        <v>596</v>
      </c>
      <c r="E60" s="1">
        <v>12.88</v>
      </c>
      <c r="F60" s="1">
        <v>7676.4800000000005</v>
      </c>
      <c r="G60" s="1" t="s">
        <v>6</v>
      </c>
    </row>
    <row r="61" spans="2:7" x14ac:dyDescent="0.35">
      <c r="B61" s="16">
        <v>44467</v>
      </c>
      <c r="C61" s="15">
        <v>44467.668657407405</v>
      </c>
      <c r="D61" s="1">
        <v>90</v>
      </c>
      <c r="E61" s="1">
        <v>12.88</v>
      </c>
      <c r="F61" s="1">
        <v>1159.2</v>
      </c>
      <c r="G61" s="1" t="s">
        <v>6</v>
      </c>
    </row>
    <row r="62" spans="2:7" x14ac:dyDescent="0.35">
      <c r="B62" s="16">
        <v>44467</v>
      </c>
      <c r="C62" s="15">
        <v>44467.672152777777</v>
      </c>
      <c r="D62" s="1">
        <v>313</v>
      </c>
      <c r="E62" s="1">
        <v>12.86</v>
      </c>
      <c r="F62" s="1">
        <v>4025.18</v>
      </c>
      <c r="G62" s="1" t="s">
        <v>6</v>
      </c>
    </row>
    <row r="63" spans="2:7" x14ac:dyDescent="0.35">
      <c r="B63" s="16">
        <v>44467</v>
      </c>
      <c r="C63" s="15">
        <v>44467.680694444447</v>
      </c>
      <c r="D63" s="1">
        <v>308</v>
      </c>
      <c r="E63" s="1">
        <v>12.82</v>
      </c>
      <c r="F63" s="1">
        <v>3948.56</v>
      </c>
      <c r="G63" s="1" t="s">
        <v>6</v>
      </c>
    </row>
    <row r="64" spans="2:7" x14ac:dyDescent="0.35">
      <c r="B64" s="16">
        <v>44467</v>
      </c>
      <c r="C64" s="15">
        <v>44467.693229166667</v>
      </c>
      <c r="D64" s="1">
        <v>487</v>
      </c>
      <c r="E64" s="1">
        <v>12.8</v>
      </c>
      <c r="F64" s="1">
        <v>6233.6</v>
      </c>
      <c r="G64" s="1" t="s">
        <v>6</v>
      </c>
    </row>
    <row r="65" spans="2:7" x14ac:dyDescent="0.35">
      <c r="B65" s="16">
        <v>44467</v>
      </c>
      <c r="C65" s="15">
        <v>44467.693229166667</v>
      </c>
      <c r="D65" s="1">
        <v>13</v>
      </c>
      <c r="E65" s="1">
        <v>12.8</v>
      </c>
      <c r="F65" s="1">
        <v>166.4</v>
      </c>
      <c r="G65" s="1" t="s">
        <v>6</v>
      </c>
    </row>
    <row r="66" spans="2:7" x14ac:dyDescent="0.35">
      <c r="B66" s="16">
        <v>44467</v>
      </c>
      <c r="C66" s="15">
        <v>44467.696261574078</v>
      </c>
      <c r="D66" s="1">
        <v>286</v>
      </c>
      <c r="E66" s="1">
        <v>12.82</v>
      </c>
      <c r="F66" s="1">
        <v>3666.52</v>
      </c>
      <c r="G66" s="1" t="s">
        <v>6</v>
      </c>
    </row>
    <row r="67" spans="2:7" x14ac:dyDescent="0.35">
      <c r="B67" s="16">
        <v>44467</v>
      </c>
      <c r="C67" s="15">
        <v>44467.696620370371</v>
      </c>
      <c r="D67" s="1">
        <v>329</v>
      </c>
      <c r="E67" s="1">
        <v>12.8</v>
      </c>
      <c r="F67" s="1">
        <v>4211.2</v>
      </c>
      <c r="G67" s="1" t="s">
        <v>6</v>
      </c>
    </row>
    <row r="68" spans="2:7" x14ac:dyDescent="0.35">
      <c r="B68" s="16">
        <v>44467</v>
      </c>
      <c r="C68" s="15">
        <v>44467.696921296294</v>
      </c>
      <c r="D68" s="1">
        <v>268</v>
      </c>
      <c r="E68" s="1">
        <v>12.8</v>
      </c>
      <c r="F68" s="1">
        <v>3430.4</v>
      </c>
      <c r="G68" s="1" t="s">
        <v>6</v>
      </c>
    </row>
    <row r="69" spans="2:7" x14ac:dyDescent="0.35">
      <c r="B69" s="16">
        <v>44467</v>
      </c>
      <c r="C69" s="15">
        <v>44467.696944444448</v>
      </c>
      <c r="D69" s="1">
        <v>367</v>
      </c>
      <c r="E69" s="1">
        <v>12.8</v>
      </c>
      <c r="F69" s="1">
        <v>4697.6000000000004</v>
      </c>
      <c r="G69" s="1" t="s">
        <v>6</v>
      </c>
    </row>
    <row r="70" spans="2:7" x14ac:dyDescent="0.35">
      <c r="B70" s="16">
        <v>44467</v>
      </c>
      <c r="C70" s="15">
        <v>44467.711412037039</v>
      </c>
      <c r="D70" s="1">
        <v>288</v>
      </c>
      <c r="E70" s="1">
        <v>12.84</v>
      </c>
      <c r="F70" s="1">
        <v>3697.92</v>
      </c>
      <c r="G70" s="1" t="s">
        <v>6</v>
      </c>
    </row>
    <row r="71" spans="2:7" x14ac:dyDescent="0.35">
      <c r="B71" s="16">
        <v>44468</v>
      </c>
      <c r="C71" s="15">
        <v>44468.72011574074</v>
      </c>
      <c r="D71" s="1">
        <v>535</v>
      </c>
      <c r="E71" s="1">
        <v>13.3</v>
      </c>
      <c r="F71" s="1">
        <v>7115.5</v>
      </c>
      <c r="G71" s="1" t="s">
        <v>6</v>
      </c>
    </row>
    <row r="72" spans="2:7" x14ac:dyDescent="0.35">
      <c r="B72" s="16">
        <v>44468</v>
      </c>
      <c r="C72" s="15">
        <v>44468.706006944441</v>
      </c>
      <c r="D72" s="1">
        <v>421</v>
      </c>
      <c r="E72" s="1">
        <v>13.26</v>
      </c>
      <c r="F72" s="1">
        <v>5582.46</v>
      </c>
      <c r="G72" s="1" t="s">
        <v>6</v>
      </c>
    </row>
    <row r="73" spans="2:7" x14ac:dyDescent="0.35">
      <c r="B73" s="16">
        <v>44468</v>
      </c>
      <c r="C73" s="15">
        <v>44468.706006944441</v>
      </c>
      <c r="D73" s="1">
        <v>350</v>
      </c>
      <c r="E73" s="1">
        <v>13.26</v>
      </c>
      <c r="F73" s="1">
        <v>4641</v>
      </c>
      <c r="G73" s="1" t="s">
        <v>6</v>
      </c>
    </row>
    <row r="74" spans="2:7" x14ac:dyDescent="0.35">
      <c r="B74" s="16">
        <v>44468</v>
      </c>
      <c r="C74" s="15">
        <v>44468.703101851854</v>
      </c>
      <c r="D74" s="1">
        <v>337</v>
      </c>
      <c r="E74" s="1">
        <v>13.28</v>
      </c>
      <c r="F74" s="1">
        <v>4475.3599999999997</v>
      </c>
      <c r="G74" s="1" t="s">
        <v>6</v>
      </c>
    </row>
    <row r="75" spans="2:7" x14ac:dyDescent="0.35">
      <c r="B75" s="16">
        <v>44468</v>
      </c>
      <c r="C75" s="15">
        <v>44468.691851851851</v>
      </c>
      <c r="D75" s="1">
        <v>136</v>
      </c>
      <c r="E75" s="1">
        <v>13.26</v>
      </c>
      <c r="F75" s="1">
        <v>1803.36</v>
      </c>
      <c r="G75" s="1" t="s">
        <v>6</v>
      </c>
    </row>
    <row r="76" spans="2:7" x14ac:dyDescent="0.35">
      <c r="B76" s="16">
        <v>44468</v>
      </c>
      <c r="C76" s="15">
        <v>44468.691851851851</v>
      </c>
      <c r="D76" s="1">
        <v>155</v>
      </c>
      <c r="E76" s="1">
        <v>13.26</v>
      </c>
      <c r="F76" s="1">
        <v>2055.3000000000002</v>
      </c>
      <c r="G76" s="1" t="s">
        <v>6</v>
      </c>
    </row>
    <row r="77" spans="2:7" x14ac:dyDescent="0.35">
      <c r="B77" s="16">
        <v>44468</v>
      </c>
      <c r="C77" s="15">
        <v>44468.691851851851</v>
      </c>
      <c r="D77" s="1">
        <v>240</v>
      </c>
      <c r="E77" s="1">
        <v>13.26</v>
      </c>
      <c r="F77" s="1">
        <v>3182.4</v>
      </c>
      <c r="G77" s="1" t="s">
        <v>6</v>
      </c>
    </row>
    <row r="78" spans="2:7" x14ac:dyDescent="0.35">
      <c r="B78" s="16">
        <v>44468</v>
      </c>
      <c r="C78" s="15">
        <v>44468.669849537036</v>
      </c>
      <c r="D78" s="1">
        <v>293</v>
      </c>
      <c r="E78" s="1">
        <v>13.26</v>
      </c>
      <c r="F78" s="1">
        <v>3885.18</v>
      </c>
      <c r="G78" s="1" t="s">
        <v>6</v>
      </c>
    </row>
    <row r="79" spans="2:7" x14ac:dyDescent="0.35">
      <c r="B79" s="16">
        <v>44468</v>
      </c>
      <c r="C79" s="15">
        <v>44468.669849537036</v>
      </c>
      <c r="D79" s="1">
        <v>322</v>
      </c>
      <c r="E79" s="1">
        <v>13.26</v>
      </c>
      <c r="F79" s="1">
        <v>4269.72</v>
      </c>
      <c r="G79" s="1" t="s">
        <v>6</v>
      </c>
    </row>
    <row r="80" spans="2:7" x14ac:dyDescent="0.35">
      <c r="B80" s="16">
        <v>44468</v>
      </c>
      <c r="C80" s="15">
        <v>44468.669849537036</v>
      </c>
      <c r="D80" s="1">
        <v>616</v>
      </c>
      <c r="E80" s="1">
        <v>13.26</v>
      </c>
      <c r="F80" s="1">
        <v>8168.16</v>
      </c>
      <c r="G80" s="1" t="s">
        <v>6</v>
      </c>
    </row>
    <row r="81" spans="2:7" x14ac:dyDescent="0.35">
      <c r="B81" s="16">
        <v>44468</v>
      </c>
      <c r="C81" s="15">
        <v>44468.664178240739</v>
      </c>
      <c r="D81" s="1">
        <v>44</v>
      </c>
      <c r="E81" s="1">
        <v>13.3</v>
      </c>
      <c r="F81" s="1">
        <v>585.20000000000005</v>
      </c>
      <c r="G81" s="1" t="s">
        <v>6</v>
      </c>
    </row>
    <row r="82" spans="2:7" x14ac:dyDescent="0.35">
      <c r="B82" s="16">
        <v>44468</v>
      </c>
      <c r="C82" s="15">
        <v>44468.664178240739</v>
      </c>
      <c r="D82" s="1">
        <v>250</v>
      </c>
      <c r="E82" s="1">
        <v>13.3</v>
      </c>
      <c r="F82" s="1">
        <v>3325</v>
      </c>
      <c r="G82" s="1" t="s">
        <v>6</v>
      </c>
    </row>
    <row r="83" spans="2:7" x14ac:dyDescent="0.35">
      <c r="B83" s="16">
        <v>44468</v>
      </c>
      <c r="C83" s="15">
        <v>44468.649328703701</v>
      </c>
      <c r="D83" s="1">
        <v>84</v>
      </c>
      <c r="E83" s="1">
        <v>13.24</v>
      </c>
      <c r="F83" s="1">
        <v>1112.1600000000001</v>
      </c>
      <c r="G83" s="1" t="s">
        <v>6</v>
      </c>
    </row>
    <row r="84" spans="2:7" x14ac:dyDescent="0.35">
      <c r="B84" s="16">
        <v>44468</v>
      </c>
      <c r="C84" s="15">
        <v>44468.649328703701</v>
      </c>
      <c r="D84" s="1">
        <v>221</v>
      </c>
      <c r="E84" s="1">
        <v>13.24</v>
      </c>
      <c r="F84" s="1">
        <v>2926.04</v>
      </c>
      <c r="G84" s="1" t="s">
        <v>6</v>
      </c>
    </row>
    <row r="85" spans="2:7" x14ac:dyDescent="0.35">
      <c r="B85" s="16">
        <v>44468</v>
      </c>
      <c r="C85" s="15">
        <v>44468.649328703701</v>
      </c>
      <c r="D85" s="1">
        <v>315</v>
      </c>
      <c r="E85" s="1">
        <v>13.24</v>
      </c>
      <c r="F85" s="1">
        <v>4170.6000000000004</v>
      </c>
      <c r="G85" s="1" t="s">
        <v>6</v>
      </c>
    </row>
    <row r="86" spans="2:7" x14ac:dyDescent="0.35">
      <c r="B86" s="16">
        <v>44468</v>
      </c>
      <c r="C86" s="15">
        <v>44468.628680555557</v>
      </c>
      <c r="D86" s="1">
        <v>404</v>
      </c>
      <c r="E86" s="1">
        <v>13.32</v>
      </c>
      <c r="F86" s="1">
        <v>5381.28</v>
      </c>
      <c r="G86" s="1" t="s">
        <v>6</v>
      </c>
    </row>
    <row r="87" spans="2:7" x14ac:dyDescent="0.35">
      <c r="B87" s="16">
        <v>44468</v>
      </c>
      <c r="C87" s="15">
        <v>44468.628680555557</v>
      </c>
      <c r="D87" s="1">
        <v>20</v>
      </c>
      <c r="E87" s="1">
        <v>13.32</v>
      </c>
      <c r="F87" s="1">
        <v>266.39999999999998</v>
      </c>
      <c r="G87" s="1" t="s">
        <v>6</v>
      </c>
    </row>
    <row r="88" spans="2:7" x14ac:dyDescent="0.35">
      <c r="B88" s="16">
        <v>44468</v>
      </c>
      <c r="C88" s="15">
        <v>44468.628680555557</v>
      </c>
      <c r="D88" s="1">
        <v>431</v>
      </c>
      <c r="E88" s="1">
        <v>13.32</v>
      </c>
      <c r="F88" s="1">
        <v>5740.92</v>
      </c>
      <c r="G88" s="1" t="s">
        <v>6</v>
      </c>
    </row>
    <row r="89" spans="2:7" x14ac:dyDescent="0.35">
      <c r="B89" s="16">
        <v>44468</v>
      </c>
      <c r="C89" s="15">
        <v>44468.61409722222</v>
      </c>
      <c r="D89" s="1">
        <v>293</v>
      </c>
      <c r="E89" s="1">
        <v>13.24</v>
      </c>
      <c r="F89" s="1">
        <v>3879.32</v>
      </c>
      <c r="G89" s="1" t="s">
        <v>6</v>
      </c>
    </row>
    <row r="90" spans="2:7" x14ac:dyDescent="0.35">
      <c r="B90" s="16">
        <v>44468</v>
      </c>
      <c r="C90" s="15">
        <v>44468.61409722222</v>
      </c>
      <c r="D90" s="1">
        <v>307</v>
      </c>
      <c r="E90" s="1">
        <v>13.24</v>
      </c>
      <c r="F90" s="1">
        <v>4064.6800000000003</v>
      </c>
      <c r="G90" s="1" t="s">
        <v>6</v>
      </c>
    </row>
    <row r="91" spans="2:7" x14ac:dyDescent="0.35">
      <c r="B91" s="16">
        <v>44468</v>
      </c>
      <c r="C91" s="15">
        <v>44468.588530092595</v>
      </c>
      <c r="D91" s="1">
        <v>241</v>
      </c>
      <c r="E91" s="1">
        <v>13.26</v>
      </c>
      <c r="F91" s="1">
        <v>3195.66</v>
      </c>
      <c r="G91" s="1" t="s">
        <v>6</v>
      </c>
    </row>
    <row r="92" spans="2:7" x14ac:dyDescent="0.35">
      <c r="B92" s="16">
        <v>44468</v>
      </c>
      <c r="C92" s="15">
        <v>44468.588530092595</v>
      </c>
      <c r="D92" s="1">
        <v>39</v>
      </c>
      <c r="E92" s="1">
        <v>13.26</v>
      </c>
      <c r="F92" s="1">
        <v>517.14</v>
      </c>
      <c r="G92" s="1" t="s">
        <v>6</v>
      </c>
    </row>
    <row r="93" spans="2:7" x14ac:dyDescent="0.35">
      <c r="B93" s="16">
        <v>44468</v>
      </c>
      <c r="C93" s="15">
        <v>44468.588530092595</v>
      </c>
      <c r="D93" s="1">
        <v>608</v>
      </c>
      <c r="E93" s="1">
        <v>13.26</v>
      </c>
      <c r="F93" s="1">
        <v>8062.08</v>
      </c>
      <c r="G93" s="1" t="s">
        <v>6</v>
      </c>
    </row>
    <row r="94" spans="2:7" x14ac:dyDescent="0.35">
      <c r="B94" s="16">
        <v>44468</v>
      </c>
      <c r="C94" s="15">
        <v>44468.588530092595</v>
      </c>
      <c r="D94" s="1">
        <v>42</v>
      </c>
      <c r="E94" s="1">
        <v>13.26</v>
      </c>
      <c r="F94" s="1">
        <v>556.91999999999996</v>
      </c>
      <c r="G94" s="1" t="s">
        <v>6</v>
      </c>
    </row>
    <row r="95" spans="2:7" x14ac:dyDescent="0.35">
      <c r="B95" s="16">
        <v>44468</v>
      </c>
      <c r="C95" s="15">
        <v>44468.551828703705</v>
      </c>
      <c r="D95" s="1">
        <v>67</v>
      </c>
      <c r="E95" s="1">
        <v>13.22</v>
      </c>
      <c r="F95" s="1">
        <v>885.74</v>
      </c>
      <c r="G95" s="1" t="s">
        <v>6</v>
      </c>
    </row>
    <row r="96" spans="2:7" x14ac:dyDescent="0.35">
      <c r="B96" s="16">
        <v>44468</v>
      </c>
      <c r="C96" s="15">
        <v>44468.551828703705</v>
      </c>
      <c r="D96" s="1">
        <v>467</v>
      </c>
      <c r="E96" s="1">
        <v>13.22</v>
      </c>
      <c r="F96" s="1">
        <v>6173.7400000000007</v>
      </c>
      <c r="G96" s="1" t="s">
        <v>6</v>
      </c>
    </row>
    <row r="97" spans="2:7" x14ac:dyDescent="0.35">
      <c r="B97" s="16">
        <v>44468</v>
      </c>
      <c r="C97" s="15">
        <v>44468.551828703705</v>
      </c>
      <c r="D97" s="1">
        <v>292</v>
      </c>
      <c r="E97" s="1">
        <v>13.22</v>
      </c>
      <c r="F97" s="1">
        <v>3860.2400000000002</v>
      </c>
      <c r="G97" s="1" t="s">
        <v>6</v>
      </c>
    </row>
    <row r="98" spans="2:7" x14ac:dyDescent="0.35">
      <c r="B98" s="16">
        <v>44468</v>
      </c>
      <c r="C98" s="15">
        <v>44468.551828703705</v>
      </c>
      <c r="D98" s="1">
        <v>347</v>
      </c>
      <c r="E98" s="1">
        <v>13.22</v>
      </c>
      <c r="F98" s="1">
        <v>4587.34</v>
      </c>
      <c r="G98" s="1" t="s">
        <v>6</v>
      </c>
    </row>
    <row r="99" spans="2:7" x14ac:dyDescent="0.35">
      <c r="B99" s="16">
        <v>44468</v>
      </c>
      <c r="C99" s="15">
        <v>44468.551828703705</v>
      </c>
      <c r="D99" s="1">
        <v>120</v>
      </c>
      <c r="E99" s="1">
        <v>13.22</v>
      </c>
      <c r="F99" s="1">
        <v>1586.4</v>
      </c>
      <c r="G99" s="1" t="s">
        <v>6</v>
      </c>
    </row>
    <row r="100" spans="2:7" x14ac:dyDescent="0.35">
      <c r="B100" s="16">
        <v>44468</v>
      </c>
      <c r="C100" s="15">
        <v>44468.518842592595</v>
      </c>
      <c r="D100" s="1">
        <v>49</v>
      </c>
      <c r="E100" s="1">
        <v>13.2</v>
      </c>
      <c r="F100" s="1">
        <v>646.79999999999995</v>
      </c>
      <c r="G100" s="1" t="s">
        <v>6</v>
      </c>
    </row>
    <row r="101" spans="2:7" x14ac:dyDescent="0.35">
      <c r="B101" s="16">
        <v>44468</v>
      </c>
      <c r="C101" s="15">
        <v>44468.518842592595</v>
      </c>
      <c r="D101" s="1">
        <v>292</v>
      </c>
      <c r="E101" s="1">
        <v>13.2</v>
      </c>
      <c r="F101" s="1">
        <v>3854.3999999999996</v>
      </c>
      <c r="G101" s="1" t="s">
        <v>6</v>
      </c>
    </row>
    <row r="102" spans="2:7" x14ac:dyDescent="0.35">
      <c r="B102" s="16">
        <v>44468</v>
      </c>
      <c r="C102" s="15">
        <v>44468.513553240744</v>
      </c>
      <c r="D102" s="1">
        <v>334</v>
      </c>
      <c r="E102" s="1">
        <v>13.28</v>
      </c>
      <c r="F102" s="1">
        <v>4435.5199999999995</v>
      </c>
      <c r="G102" s="1" t="s">
        <v>6</v>
      </c>
    </row>
    <row r="103" spans="2:7" x14ac:dyDescent="0.35">
      <c r="B103" s="16">
        <v>44468</v>
      </c>
      <c r="C103" s="15">
        <v>44468.497465277775</v>
      </c>
      <c r="D103" s="1">
        <v>194</v>
      </c>
      <c r="E103" s="1">
        <v>13.32</v>
      </c>
      <c r="F103" s="1">
        <v>2584.08</v>
      </c>
      <c r="G103" s="1" t="s">
        <v>6</v>
      </c>
    </row>
    <row r="104" spans="2:7" x14ac:dyDescent="0.35">
      <c r="B104" s="16">
        <v>44468</v>
      </c>
      <c r="C104" s="15">
        <v>44468.497465277775</v>
      </c>
      <c r="D104" s="1">
        <v>509</v>
      </c>
      <c r="E104" s="1">
        <v>13.32</v>
      </c>
      <c r="F104" s="1">
        <v>6779.88</v>
      </c>
      <c r="G104" s="1" t="s">
        <v>6</v>
      </c>
    </row>
    <row r="105" spans="2:7" x14ac:dyDescent="0.35">
      <c r="B105" s="16">
        <v>44468</v>
      </c>
      <c r="C105" s="15">
        <v>44468.49722222222</v>
      </c>
      <c r="D105" s="1">
        <v>167</v>
      </c>
      <c r="E105" s="1">
        <v>13.32</v>
      </c>
      <c r="F105" s="1">
        <v>2224.44</v>
      </c>
      <c r="G105" s="1" t="s">
        <v>6</v>
      </c>
    </row>
    <row r="106" spans="2:7" x14ac:dyDescent="0.35">
      <c r="B106" s="16">
        <v>44468</v>
      </c>
      <c r="C106" s="15">
        <v>44468.493715277778</v>
      </c>
      <c r="D106" s="1">
        <v>131</v>
      </c>
      <c r="E106" s="1">
        <v>13.32</v>
      </c>
      <c r="F106" s="1">
        <v>1744.92</v>
      </c>
      <c r="G106" s="1" t="s">
        <v>6</v>
      </c>
    </row>
    <row r="107" spans="2:7" x14ac:dyDescent="0.35">
      <c r="B107" s="16">
        <v>44468</v>
      </c>
      <c r="C107" s="15">
        <v>44468.493715277778</v>
      </c>
      <c r="D107" s="1">
        <v>27</v>
      </c>
      <c r="E107" s="1">
        <v>13.32</v>
      </c>
      <c r="F107" s="1">
        <v>359.64</v>
      </c>
      <c r="G107" s="1" t="s">
        <v>6</v>
      </c>
    </row>
    <row r="108" spans="2:7" x14ac:dyDescent="0.35">
      <c r="B108" s="16">
        <v>44468</v>
      </c>
      <c r="C108" s="15">
        <v>44468.493715277778</v>
      </c>
      <c r="D108" s="1">
        <v>70</v>
      </c>
      <c r="E108" s="1">
        <v>13.32</v>
      </c>
      <c r="F108" s="1">
        <v>932.4</v>
      </c>
      <c r="G108" s="1" t="s">
        <v>6</v>
      </c>
    </row>
    <row r="109" spans="2:7" x14ac:dyDescent="0.35">
      <c r="B109" s="16">
        <v>44468</v>
      </c>
      <c r="C109" s="15">
        <v>44468.493715277778</v>
      </c>
      <c r="D109" s="1">
        <v>107</v>
      </c>
      <c r="E109" s="1">
        <v>13.32</v>
      </c>
      <c r="F109" s="1">
        <v>1425.24</v>
      </c>
      <c r="G109" s="1" t="s">
        <v>6</v>
      </c>
    </row>
    <row r="110" spans="2:7" x14ac:dyDescent="0.35">
      <c r="B110" s="16">
        <v>44468</v>
      </c>
      <c r="C110" s="15">
        <v>44468.464178240742</v>
      </c>
      <c r="D110" s="1">
        <v>68</v>
      </c>
      <c r="E110" s="1">
        <v>13.26</v>
      </c>
      <c r="F110" s="1">
        <v>901.68</v>
      </c>
      <c r="G110" s="1" t="s">
        <v>6</v>
      </c>
    </row>
    <row r="111" spans="2:7" x14ac:dyDescent="0.35">
      <c r="B111" s="16">
        <v>44468</v>
      </c>
      <c r="C111" s="15">
        <v>44468.464178240742</v>
      </c>
      <c r="D111" s="1">
        <v>361</v>
      </c>
      <c r="E111" s="1">
        <v>13.26</v>
      </c>
      <c r="F111" s="1">
        <v>4786.8599999999997</v>
      </c>
      <c r="G111" s="1" t="s">
        <v>6</v>
      </c>
    </row>
    <row r="112" spans="2:7" x14ac:dyDescent="0.35">
      <c r="B112" s="16">
        <v>44468</v>
      </c>
      <c r="C112" s="15">
        <v>44468.447916666664</v>
      </c>
      <c r="D112" s="1">
        <v>639</v>
      </c>
      <c r="E112" s="1">
        <v>13.24</v>
      </c>
      <c r="F112" s="1">
        <v>8460.36</v>
      </c>
      <c r="G112" s="1" t="s">
        <v>6</v>
      </c>
    </row>
    <row r="113" spans="2:7" x14ac:dyDescent="0.35">
      <c r="B113" s="16">
        <v>44468</v>
      </c>
      <c r="C113" s="15">
        <v>44468.436793981484</v>
      </c>
      <c r="D113" s="1">
        <v>44</v>
      </c>
      <c r="E113" s="1">
        <v>13.12</v>
      </c>
      <c r="F113" s="1">
        <v>577.28</v>
      </c>
      <c r="G113" s="1" t="s">
        <v>6</v>
      </c>
    </row>
    <row r="114" spans="2:7" x14ac:dyDescent="0.35">
      <c r="B114" s="16">
        <v>44468</v>
      </c>
      <c r="C114" s="15">
        <v>44468.436793981484</v>
      </c>
      <c r="D114" s="1">
        <v>249</v>
      </c>
      <c r="E114" s="1">
        <v>13.12</v>
      </c>
      <c r="F114" s="1">
        <v>3266.8799999999997</v>
      </c>
      <c r="G114" s="1" t="s">
        <v>6</v>
      </c>
    </row>
    <row r="115" spans="2:7" x14ac:dyDescent="0.35">
      <c r="B115" s="16">
        <v>44468</v>
      </c>
      <c r="C115" s="15">
        <v>44468.425185185188</v>
      </c>
      <c r="D115" s="1">
        <v>748</v>
      </c>
      <c r="E115" s="1">
        <v>13.16</v>
      </c>
      <c r="F115" s="1">
        <v>9843.68</v>
      </c>
      <c r="G115" s="1" t="s">
        <v>6</v>
      </c>
    </row>
    <row r="116" spans="2:7" x14ac:dyDescent="0.35">
      <c r="B116" s="16">
        <v>44468</v>
      </c>
      <c r="C116" s="15">
        <v>44468.412418981483</v>
      </c>
      <c r="D116" s="1">
        <v>329</v>
      </c>
      <c r="E116" s="1">
        <v>13.18</v>
      </c>
      <c r="F116" s="1">
        <v>4336.22</v>
      </c>
      <c r="G116" s="1" t="s">
        <v>6</v>
      </c>
    </row>
    <row r="117" spans="2:7" x14ac:dyDescent="0.35">
      <c r="B117" s="16">
        <v>44468</v>
      </c>
      <c r="C117" s="15">
        <v>44468.404710648145</v>
      </c>
      <c r="D117" s="1">
        <v>356</v>
      </c>
      <c r="E117" s="1">
        <v>13.14</v>
      </c>
      <c r="F117" s="1">
        <v>4677.84</v>
      </c>
      <c r="G117" s="1" t="s">
        <v>6</v>
      </c>
    </row>
    <row r="118" spans="2:7" x14ac:dyDescent="0.35">
      <c r="B118" s="16">
        <v>44468</v>
      </c>
      <c r="C118" s="15">
        <v>44468.395833333336</v>
      </c>
      <c r="D118" s="1">
        <v>123</v>
      </c>
      <c r="E118" s="1">
        <v>13.06</v>
      </c>
      <c r="F118" s="1">
        <v>1606.38</v>
      </c>
      <c r="G118" s="1" t="s">
        <v>6</v>
      </c>
    </row>
    <row r="119" spans="2:7" x14ac:dyDescent="0.35">
      <c r="B119" s="16">
        <v>44468</v>
      </c>
      <c r="C119" s="15">
        <v>44468.395833333336</v>
      </c>
      <c r="D119" s="1">
        <v>25</v>
      </c>
      <c r="E119" s="1">
        <v>13.06</v>
      </c>
      <c r="F119" s="1">
        <v>326.5</v>
      </c>
      <c r="G119" s="1" t="s">
        <v>6</v>
      </c>
    </row>
    <row r="120" spans="2:7" x14ac:dyDescent="0.35">
      <c r="B120" s="16">
        <v>44468</v>
      </c>
      <c r="C120" s="15">
        <v>44468.395833333336</v>
      </c>
      <c r="D120" s="1">
        <v>98</v>
      </c>
      <c r="E120" s="1">
        <v>13.06</v>
      </c>
      <c r="F120" s="1">
        <v>1279.8800000000001</v>
      </c>
      <c r="G120" s="1" t="s">
        <v>6</v>
      </c>
    </row>
    <row r="121" spans="2:7" x14ac:dyDescent="0.35">
      <c r="B121" s="16">
        <v>44468</v>
      </c>
      <c r="C121" s="15">
        <v>44468.395833333336</v>
      </c>
      <c r="D121" s="1">
        <v>67</v>
      </c>
      <c r="E121" s="1">
        <v>13.06</v>
      </c>
      <c r="F121" s="1">
        <v>875.02</v>
      </c>
      <c r="G121" s="1" t="s">
        <v>6</v>
      </c>
    </row>
    <row r="122" spans="2:7" x14ac:dyDescent="0.35">
      <c r="B122" s="16">
        <v>44468</v>
      </c>
      <c r="C122" s="15">
        <v>44468.39025462963</v>
      </c>
      <c r="D122" s="1">
        <v>592</v>
      </c>
      <c r="E122" s="1">
        <v>13.04</v>
      </c>
      <c r="F122" s="1">
        <v>7719.6799999999994</v>
      </c>
      <c r="G122" s="1" t="s">
        <v>6</v>
      </c>
    </row>
    <row r="123" spans="2:7" x14ac:dyDescent="0.35">
      <c r="B123" s="16">
        <v>44468</v>
      </c>
      <c r="C123" s="15">
        <v>44468.388877314814</v>
      </c>
      <c r="D123" s="1">
        <v>142</v>
      </c>
      <c r="E123" s="1">
        <v>13</v>
      </c>
      <c r="F123" s="1">
        <v>1846</v>
      </c>
      <c r="G123" s="1" t="s">
        <v>6</v>
      </c>
    </row>
    <row r="124" spans="2:7" x14ac:dyDescent="0.35">
      <c r="B124" s="16">
        <v>44468</v>
      </c>
      <c r="C124" s="15">
        <v>44468.386319444442</v>
      </c>
      <c r="D124" s="1">
        <v>150</v>
      </c>
      <c r="E124" s="1">
        <v>13.02</v>
      </c>
      <c r="F124" s="1">
        <v>1953</v>
      </c>
      <c r="G124" s="1" t="s">
        <v>6</v>
      </c>
    </row>
    <row r="125" spans="2:7" x14ac:dyDescent="0.35">
      <c r="B125" s="16">
        <v>44468</v>
      </c>
      <c r="C125" s="15">
        <v>44468.37903935185</v>
      </c>
      <c r="D125" s="1">
        <v>632</v>
      </c>
      <c r="E125" s="1">
        <v>12.9</v>
      </c>
      <c r="F125" s="1">
        <v>8152.8</v>
      </c>
      <c r="G125" s="1" t="s">
        <v>6</v>
      </c>
    </row>
    <row r="126" spans="2:7" x14ac:dyDescent="0.35">
      <c r="B126" s="16">
        <v>44469</v>
      </c>
      <c r="C126" s="15">
        <v>44469.378472222219</v>
      </c>
      <c r="D126" s="1">
        <v>53</v>
      </c>
      <c r="E126" s="1">
        <v>13.3</v>
      </c>
      <c r="F126" s="1">
        <v>704.90000000000009</v>
      </c>
      <c r="G126" s="1" t="s">
        <v>6</v>
      </c>
    </row>
    <row r="127" spans="2:7" x14ac:dyDescent="0.35">
      <c r="B127" s="16">
        <v>44469</v>
      </c>
      <c r="C127" s="15">
        <v>44469.378530092596</v>
      </c>
      <c r="D127" s="1">
        <v>295</v>
      </c>
      <c r="E127" s="1">
        <v>13.3</v>
      </c>
      <c r="F127" s="1">
        <v>3923.5</v>
      </c>
      <c r="G127" s="1" t="s">
        <v>6</v>
      </c>
    </row>
    <row r="128" spans="2:7" x14ac:dyDescent="0.35">
      <c r="B128" s="16">
        <v>44469</v>
      </c>
      <c r="C128" s="15">
        <v>44469.382893518516</v>
      </c>
      <c r="D128" s="1">
        <v>317</v>
      </c>
      <c r="E128" s="1">
        <v>13.24</v>
      </c>
      <c r="F128" s="1">
        <v>4197.08</v>
      </c>
      <c r="G128" s="1" t="s">
        <v>6</v>
      </c>
    </row>
    <row r="129" spans="2:7" x14ac:dyDescent="0.35">
      <c r="B129" s="16">
        <v>44469</v>
      </c>
      <c r="C129" s="15">
        <v>44469.384050925924</v>
      </c>
      <c r="D129" s="1">
        <v>319</v>
      </c>
      <c r="E129" s="1">
        <v>13.24</v>
      </c>
      <c r="F129" s="1">
        <v>4223.5600000000004</v>
      </c>
      <c r="G129" s="1" t="s">
        <v>6</v>
      </c>
    </row>
    <row r="130" spans="2:7" x14ac:dyDescent="0.35">
      <c r="B130" s="16">
        <v>44469</v>
      </c>
      <c r="C130" s="15">
        <v>44469.389039351852</v>
      </c>
      <c r="D130" s="1">
        <v>22</v>
      </c>
      <c r="E130" s="1">
        <v>13.22</v>
      </c>
      <c r="F130" s="1">
        <v>290.84000000000003</v>
      </c>
      <c r="G130" s="1" t="s">
        <v>6</v>
      </c>
    </row>
    <row r="131" spans="2:7" x14ac:dyDescent="0.35">
      <c r="B131" s="16">
        <v>44469</v>
      </c>
      <c r="C131" s="15">
        <v>44469.389039351852</v>
      </c>
      <c r="D131" s="1">
        <v>270</v>
      </c>
      <c r="E131" s="1">
        <v>13.22</v>
      </c>
      <c r="F131" s="1">
        <v>3569.4</v>
      </c>
      <c r="G131" s="1" t="s">
        <v>6</v>
      </c>
    </row>
    <row r="132" spans="2:7" x14ac:dyDescent="0.35">
      <c r="B132" s="16">
        <v>44469</v>
      </c>
      <c r="C132" s="15">
        <v>44469.40452546296</v>
      </c>
      <c r="D132" s="1">
        <v>354</v>
      </c>
      <c r="E132" s="1">
        <v>13.2</v>
      </c>
      <c r="F132" s="1">
        <v>4672.8</v>
      </c>
      <c r="G132" s="1" t="s">
        <v>6</v>
      </c>
    </row>
    <row r="133" spans="2:7" x14ac:dyDescent="0.35">
      <c r="B133" s="16">
        <v>44469</v>
      </c>
      <c r="C133" s="15">
        <v>44469.40452546296</v>
      </c>
      <c r="D133" s="1">
        <v>365</v>
      </c>
      <c r="E133" s="1">
        <v>13.2</v>
      </c>
      <c r="F133" s="1">
        <v>4818</v>
      </c>
      <c r="G133" s="1" t="s">
        <v>6</v>
      </c>
    </row>
    <row r="134" spans="2:7" x14ac:dyDescent="0.35">
      <c r="B134" s="16">
        <v>44469</v>
      </c>
      <c r="C134" s="15">
        <v>44469.40452546296</v>
      </c>
      <c r="D134" s="1">
        <v>269</v>
      </c>
      <c r="E134" s="1">
        <v>13.2</v>
      </c>
      <c r="F134" s="1">
        <v>3550.7999999999997</v>
      </c>
      <c r="G134" s="1" t="s">
        <v>6</v>
      </c>
    </row>
    <row r="135" spans="2:7" x14ac:dyDescent="0.35">
      <c r="B135" s="16">
        <v>44469</v>
      </c>
      <c r="C135" s="15">
        <v>44469.419166666667</v>
      </c>
      <c r="D135" s="1">
        <v>189</v>
      </c>
      <c r="E135" s="1">
        <v>13.14</v>
      </c>
      <c r="F135" s="1">
        <v>2483.46</v>
      </c>
      <c r="G135" s="1" t="s">
        <v>6</v>
      </c>
    </row>
    <row r="136" spans="2:7" x14ac:dyDescent="0.35">
      <c r="B136" s="16">
        <v>44469</v>
      </c>
      <c r="C136" s="15">
        <v>44469.419166666667</v>
      </c>
      <c r="D136" s="1">
        <v>445</v>
      </c>
      <c r="E136" s="1">
        <v>13.14</v>
      </c>
      <c r="F136" s="1">
        <v>5847.3</v>
      </c>
      <c r="G136" s="1" t="s">
        <v>6</v>
      </c>
    </row>
    <row r="137" spans="2:7" x14ac:dyDescent="0.35">
      <c r="B137" s="16">
        <v>44469</v>
      </c>
      <c r="C137" s="15">
        <v>44469.429988425924</v>
      </c>
      <c r="D137" s="1">
        <v>275</v>
      </c>
      <c r="E137" s="1">
        <v>13.1</v>
      </c>
      <c r="F137" s="1">
        <v>3602.5</v>
      </c>
      <c r="G137" s="1" t="s">
        <v>6</v>
      </c>
    </row>
    <row r="138" spans="2:7" x14ac:dyDescent="0.35">
      <c r="B138" s="16">
        <v>44469</v>
      </c>
      <c r="C138" s="15">
        <v>44469.429988425924</v>
      </c>
      <c r="D138" s="1">
        <v>86</v>
      </c>
      <c r="E138" s="1">
        <v>13.1</v>
      </c>
      <c r="F138" s="1">
        <v>1126.5999999999999</v>
      </c>
      <c r="G138" s="1" t="s">
        <v>6</v>
      </c>
    </row>
    <row r="139" spans="2:7" x14ac:dyDescent="0.35">
      <c r="B139" s="16">
        <v>44469</v>
      </c>
      <c r="C139" s="15">
        <v>44469.430694444447</v>
      </c>
      <c r="D139" s="1">
        <v>210</v>
      </c>
      <c r="E139" s="1">
        <v>13.08</v>
      </c>
      <c r="F139" s="1">
        <v>2746.8</v>
      </c>
      <c r="G139" s="1" t="s">
        <v>6</v>
      </c>
    </row>
    <row r="140" spans="2:7" x14ac:dyDescent="0.35">
      <c r="B140" s="16">
        <v>44469</v>
      </c>
      <c r="C140" s="15">
        <v>44469.430694444447</v>
      </c>
      <c r="D140" s="1">
        <v>142</v>
      </c>
      <c r="E140" s="1">
        <v>13.08</v>
      </c>
      <c r="F140" s="1">
        <v>1857.36</v>
      </c>
      <c r="G140" s="1" t="s">
        <v>6</v>
      </c>
    </row>
    <row r="141" spans="2:7" x14ac:dyDescent="0.35">
      <c r="B141" s="16">
        <v>44469</v>
      </c>
      <c r="C141" s="15">
        <v>44469.4530787037</v>
      </c>
      <c r="D141" s="1">
        <v>290</v>
      </c>
      <c r="E141" s="1">
        <v>13.08</v>
      </c>
      <c r="F141" s="1">
        <v>3793.2</v>
      </c>
      <c r="G141" s="1" t="s">
        <v>6</v>
      </c>
    </row>
    <row r="142" spans="2:7" x14ac:dyDescent="0.35">
      <c r="B142" s="16">
        <v>44469</v>
      </c>
      <c r="C142" s="15">
        <v>44469.4530787037</v>
      </c>
      <c r="D142" s="1">
        <v>271</v>
      </c>
      <c r="E142" s="1">
        <v>13.08</v>
      </c>
      <c r="F142" s="1">
        <v>3544.68</v>
      </c>
      <c r="G142" s="1" t="s">
        <v>6</v>
      </c>
    </row>
    <row r="143" spans="2:7" x14ac:dyDescent="0.35">
      <c r="B143" s="16">
        <v>44469</v>
      </c>
      <c r="C143" s="15">
        <v>44469.4530787037</v>
      </c>
      <c r="D143" s="1">
        <v>25</v>
      </c>
      <c r="E143" s="1">
        <v>13.08</v>
      </c>
      <c r="F143" s="1">
        <v>327</v>
      </c>
      <c r="G143" s="1" t="s">
        <v>6</v>
      </c>
    </row>
    <row r="144" spans="2:7" x14ac:dyDescent="0.35">
      <c r="B144" s="16">
        <v>44469</v>
      </c>
      <c r="C144" s="15">
        <v>44469.4530787037</v>
      </c>
      <c r="D144" s="1">
        <v>292</v>
      </c>
      <c r="E144" s="1">
        <v>13.08</v>
      </c>
      <c r="F144" s="1">
        <v>3819.36</v>
      </c>
      <c r="G144" s="1" t="s">
        <v>6</v>
      </c>
    </row>
    <row r="145" spans="2:7" x14ac:dyDescent="0.35">
      <c r="B145" s="16">
        <v>44469</v>
      </c>
      <c r="C145" s="15">
        <v>44469.4530787037</v>
      </c>
      <c r="D145" s="1">
        <v>346</v>
      </c>
      <c r="E145" s="1">
        <v>13.1</v>
      </c>
      <c r="F145" s="1">
        <v>4532.5999999999995</v>
      </c>
      <c r="G145" s="1" t="s">
        <v>6</v>
      </c>
    </row>
    <row r="146" spans="2:7" x14ac:dyDescent="0.35">
      <c r="B146" s="16">
        <v>44469</v>
      </c>
      <c r="C146" s="15">
        <v>44469.478043981479</v>
      </c>
      <c r="D146" s="1">
        <v>290</v>
      </c>
      <c r="E146" s="1">
        <v>13.06</v>
      </c>
      <c r="F146" s="1">
        <v>3787.4</v>
      </c>
      <c r="G146" s="1" t="s">
        <v>6</v>
      </c>
    </row>
    <row r="147" spans="2:7" x14ac:dyDescent="0.35">
      <c r="B147" s="16">
        <v>44469</v>
      </c>
      <c r="C147" s="15">
        <v>44469.478043981479</v>
      </c>
      <c r="D147" s="1">
        <v>192</v>
      </c>
      <c r="E147" s="1">
        <v>13.06</v>
      </c>
      <c r="F147" s="1">
        <v>2507.52</v>
      </c>
      <c r="G147" s="1" t="s">
        <v>6</v>
      </c>
    </row>
    <row r="148" spans="2:7" x14ac:dyDescent="0.35">
      <c r="B148" s="16">
        <v>44469</v>
      </c>
      <c r="C148" s="15">
        <v>44469.478043981479</v>
      </c>
      <c r="D148" s="1">
        <v>93</v>
      </c>
      <c r="E148" s="1">
        <v>13.06</v>
      </c>
      <c r="F148" s="1">
        <v>1214.5800000000002</v>
      </c>
      <c r="G148" s="1" t="s">
        <v>6</v>
      </c>
    </row>
    <row r="149" spans="2:7" x14ac:dyDescent="0.35">
      <c r="B149" s="16">
        <v>44469</v>
      </c>
      <c r="C149" s="15">
        <v>44469.478043981479</v>
      </c>
      <c r="D149" s="1">
        <v>8</v>
      </c>
      <c r="E149" s="1">
        <v>13.06</v>
      </c>
      <c r="F149" s="1">
        <v>104.48</v>
      </c>
      <c r="G149" s="1" t="s">
        <v>6</v>
      </c>
    </row>
    <row r="150" spans="2:7" x14ac:dyDescent="0.35">
      <c r="B150" s="16">
        <v>44469</v>
      </c>
      <c r="C150" s="15">
        <v>44469.501620370371</v>
      </c>
      <c r="D150" s="1">
        <v>300</v>
      </c>
      <c r="E150" s="1">
        <v>13.1</v>
      </c>
      <c r="F150" s="1">
        <v>3930</v>
      </c>
      <c r="G150" s="1" t="s">
        <v>6</v>
      </c>
    </row>
    <row r="151" spans="2:7" x14ac:dyDescent="0.35">
      <c r="B151" s="16">
        <v>44469</v>
      </c>
      <c r="C151" s="15">
        <v>44469.507384259261</v>
      </c>
      <c r="D151" s="1">
        <v>196</v>
      </c>
      <c r="E151" s="1">
        <v>13.1</v>
      </c>
      <c r="F151" s="1">
        <v>2567.6</v>
      </c>
      <c r="G151" s="1" t="s">
        <v>6</v>
      </c>
    </row>
    <row r="152" spans="2:7" x14ac:dyDescent="0.35">
      <c r="B152" s="16">
        <v>44469</v>
      </c>
      <c r="C152" s="15">
        <v>44469.507384259261</v>
      </c>
      <c r="D152" s="1">
        <v>357</v>
      </c>
      <c r="E152" s="1">
        <v>13.1</v>
      </c>
      <c r="F152" s="1">
        <v>4676.7</v>
      </c>
      <c r="G152" s="1" t="s">
        <v>6</v>
      </c>
    </row>
    <row r="153" spans="2:7" x14ac:dyDescent="0.35">
      <c r="B153" s="16">
        <v>44469</v>
      </c>
      <c r="C153" s="15">
        <v>44469.507384259261</v>
      </c>
      <c r="D153" s="1">
        <v>357</v>
      </c>
      <c r="E153" s="1">
        <v>13.1</v>
      </c>
      <c r="F153" s="1">
        <v>4676.7</v>
      </c>
      <c r="G153" s="1" t="s">
        <v>6</v>
      </c>
    </row>
    <row r="154" spans="2:7" x14ac:dyDescent="0.35">
      <c r="B154" s="16">
        <v>44469</v>
      </c>
      <c r="C154" s="15">
        <v>44469.515879629631</v>
      </c>
      <c r="D154" s="1">
        <v>321</v>
      </c>
      <c r="E154" s="1">
        <v>13.1</v>
      </c>
      <c r="F154" s="1">
        <v>4205.0999999999995</v>
      </c>
      <c r="G154" s="1" t="s">
        <v>6</v>
      </c>
    </row>
    <row r="155" spans="2:7" x14ac:dyDescent="0.35">
      <c r="B155" s="16">
        <v>44469</v>
      </c>
      <c r="C155" s="15">
        <v>44469.546261574076</v>
      </c>
      <c r="D155" s="1">
        <v>3</v>
      </c>
      <c r="E155" s="1">
        <v>13.1</v>
      </c>
      <c r="F155" s="1">
        <v>39.299999999999997</v>
      </c>
      <c r="G155" s="1" t="s">
        <v>6</v>
      </c>
    </row>
    <row r="156" spans="2:7" x14ac:dyDescent="0.35">
      <c r="B156" s="16">
        <v>44469</v>
      </c>
      <c r="C156" s="15">
        <v>44469.550451388888</v>
      </c>
      <c r="D156" s="1">
        <v>341</v>
      </c>
      <c r="E156" s="1">
        <v>13.12</v>
      </c>
      <c r="F156" s="1">
        <v>4473.92</v>
      </c>
      <c r="G156" s="1" t="s">
        <v>6</v>
      </c>
    </row>
    <row r="157" spans="2:7" x14ac:dyDescent="0.35">
      <c r="B157" s="16">
        <v>44469</v>
      </c>
      <c r="C157" s="15">
        <v>44469.551921296297</v>
      </c>
      <c r="D157" s="1">
        <v>400</v>
      </c>
      <c r="E157" s="1">
        <v>13.1</v>
      </c>
      <c r="F157" s="1">
        <v>5240</v>
      </c>
      <c r="G157" s="1" t="s">
        <v>6</v>
      </c>
    </row>
    <row r="158" spans="2:7" x14ac:dyDescent="0.35">
      <c r="B158" s="16">
        <v>44469</v>
      </c>
      <c r="C158" s="15">
        <v>44469.551932870374</v>
      </c>
      <c r="D158" s="1">
        <v>40</v>
      </c>
      <c r="E158" s="1">
        <v>13.1</v>
      </c>
      <c r="F158" s="1">
        <v>524</v>
      </c>
      <c r="G158" s="1" t="s">
        <v>6</v>
      </c>
    </row>
    <row r="159" spans="2:7" x14ac:dyDescent="0.35">
      <c r="B159" s="16">
        <v>44469</v>
      </c>
      <c r="C159" s="15">
        <v>44469.551932870374</v>
      </c>
      <c r="D159" s="1">
        <v>296</v>
      </c>
      <c r="E159" s="1">
        <v>13.1</v>
      </c>
      <c r="F159" s="1">
        <v>3877.6</v>
      </c>
      <c r="G159" s="1" t="s">
        <v>6</v>
      </c>
    </row>
    <row r="160" spans="2:7" x14ac:dyDescent="0.35">
      <c r="B160" s="16">
        <v>44469</v>
      </c>
      <c r="C160" s="15">
        <v>44469.551932870374</v>
      </c>
      <c r="D160" s="1">
        <v>151</v>
      </c>
      <c r="E160" s="1">
        <v>13.1</v>
      </c>
      <c r="F160" s="1">
        <v>1978.1</v>
      </c>
      <c r="G160" s="1" t="s">
        <v>6</v>
      </c>
    </row>
    <row r="161" spans="2:7" x14ac:dyDescent="0.35">
      <c r="B161" s="16">
        <v>44469</v>
      </c>
      <c r="C161" s="15">
        <v>44469.575370370374</v>
      </c>
      <c r="D161" s="1">
        <v>310</v>
      </c>
      <c r="E161" s="1">
        <v>13.14</v>
      </c>
      <c r="F161" s="1">
        <v>4073.4</v>
      </c>
      <c r="G161" s="1" t="s">
        <v>6</v>
      </c>
    </row>
    <row r="162" spans="2:7" x14ac:dyDescent="0.35">
      <c r="B162" s="16">
        <v>44469</v>
      </c>
      <c r="C162" s="15">
        <v>44469.598587962966</v>
      </c>
      <c r="D162" s="1">
        <v>117</v>
      </c>
      <c r="E162" s="1">
        <v>13.16</v>
      </c>
      <c r="F162" s="1">
        <v>1539.72</v>
      </c>
      <c r="G162" s="1" t="s">
        <v>6</v>
      </c>
    </row>
    <row r="163" spans="2:7" x14ac:dyDescent="0.35">
      <c r="B163" s="16">
        <v>44469</v>
      </c>
      <c r="C163" s="15">
        <v>44469.598587962966</v>
      </c>
      <c r="D163" s="1">
        <v>230</v>
      </c>
      <c r="E163" s="1">
        <v>13.16</v>
      </c>
      <c r="F163" s="1">
        <v>3026.8</v>
      </c>
      <c r="G163" s="1" t="s">
        <v>6</v>
      </c>
    </row>
    <row r="164" spans="2:7" x14ac:dyDescent="0.35">
      <c r="B164" s="16">
        <v>44469</v>
      </c>
      <c r="C164" s="15">
        <v>44469.598923611113</v>
      </c>
      <c r="D164" s="1">
        <v>941</v>
      </c>
      <c r="E164" s="1">
        <v>13.16</v>
      </c>
      <c r="F164" s="1">
        <v>12383.56</v>
      </c>
      <c r="G164" s="1" t="s">
        <v>6</v>
      </c>
    </row>
    <row r="165" spans="2:7" x14ac:dyDescent="0.35">
      <c r="B165" s="16">
        <v>44469</v>
      </c>
      <c r="C165" s="15">
        <v>44469.614976851852</v>
      </c>
      <c r="D165" s="1">
        <v>328</v>
      </c>
      <c r="E165" s="1">
        <v>13.1</v>
      </c>
      <c r="F165" s="1">
        <v>4296.8</v>
      </c>
      <c r="G165" s="1" t="s">
        <v>6</v>
      </c>
    </row>
    <row r="166" spans="2:7" x14ac:dyDescent="0.35">
      <c r="B166" s="16">
        <v>44469</v>
      </c>
      <c r="C166" s="15">
        <v>44469.635405092595</v>
      </c>
      <c r="D166" s="1">
        <v>184</v>
      </c>
      <c r="E166" s="1">
        <v>13.1</v>
      </c>
      <c r="F166" s="1">
        <v>2410.4</v>
      </c>
      <c r="G166" s="1" t="s">
        <v>6</v>
      </c>
    </row>
    <row r="167" spans="2:7" x14ac:dyDescent="0.35">
      <c r="B167" s="16">
        <v>44469</v>
      </c>
      <c r="C167" s="15">
        <v>44469.642604166664</v>
      </c>
      <c r="D167" s="1">
        <v>18</v>
      </c>
      <c r="E167" s="1">
        <v>13.18</v>
      </c>
      <c r="F167" s="1">
        <v>237.24</v>
      </c>
      <c r="G167" s="1" t="s">
        <v>6</v>
      </c>
    </row>
    <row r="168" spans="2:7" x14ac:dyDescent="0.35">
      <c r="B168" s="16">
        <v>44469</v>
      </c>
      <c r="C168" s="15">
        <v>44469.642604166664</v>
      </c>
      <c r="D168" s="1">
        <v>330</v>
      </c>
      <c r="E168" s="1">
        <v>13.18</v>
      </c>
      <c r="F168" s="1">
        <v>4349.3999999999996</v>
      </c>
      <c r="G168" s="1" t="s">
        <v>6</v>
      </c>
    </row>
    <row r="169" spans="2:7" x14ac:dyDescent="0.35">
      <c r="B169" s="16">
        <v>44469</v>
      </c>
      <c r="C169" s="15">
        <v>44469.643472222226</v>
      </c>
      <c r="D169" s="1">
        <v>883</v>
      </c>
      <c r="E169" s="1">
        <v>13.16</v>
      </c>
      <c r="F169" s="1">
        <v>11620.28</v>
      </c>
      <c r="G169" s="1" t="s">
        <v>6</v>
      </c>
    </row>
    <row r="170" spans="2:7" x14ac:dyDescent="0.35">
      <c r="B170" s="16">
        <v>44469</v>
      </c>
      <c r="C170" s="15">
        <v>44469.656678240739</v>
      </c>
      <c r="D170" s="1">
        <v>336</v>
      </c>
      <c r="E170" s="1">
        <v>13.16</v>
      </c>
      <c r="F170" s="1">
        <v>4421.76</v>
      </c>
      <c r="G170" s="1" t="s">
        <v>6</v>
      </c>
    </row>
    <row r="171" spans="2:7" x14ac:dyDescent="0.35">
      <c r="B171" s="16">
        <v>44469</v>
      </c>
      <c r="C171" s="15">
        <v>44469.666215277779</v>
      </c>
      <c r="D171" s="1">
        <v>303</v>
      </c>
      <c r="E171" s="1">
        <v>13.16</v>
      </c>
      <c r="F171" s="1">
        <v>3987.48</v>
      </c>
      <c r="G171" s="1" t="s">
        <v>6</v>
      </c>
    </row>
    <row r="172" spans="2:7" x14ac:dyDescent="0.35">
      <c r="B172" s="16">
        <v>44469</v>
      </c>
      <c r="C172" s="15">
        <v>44469.666215277779</v>
      </c>
      <c r="D172" s="1">
        <v>343</v>
      </c>
      <c r="E172" s="1">
        <v>13.16</v>
      </c>
      <c r="F172" s="1">
        <v>4513.88</v>
      </c>
      <c r="G172" s="1" t="s">
        <v>6</v>
      </c>
    </row>
    <row r="173" spans="2:7" x14ac:dyDescent="0.35">
      <c r="B173" s="16">
        <v>44469</v>
      </c>
      <c r="C173" s="15">
        <v>44469.671620370369</v>
      </c>
      <c r="D173" s="1">
        <v>333</v>
      </c>
      <c r="E173" s="1">
        <v>13.12</v>
      </c>
      <c r="F173" s="1">
        <v>4368.96</v>
      </c>
      <c r="G173" s="1" t="s">
        <v>6</v>
      </c>
    </row>
    <row r="174" spans="2:7" x14ac:dyDescent="0.35">
      <c r="B174" s="16">
        <v>44469</v>
      </c>
      <c r="C174" s="15">
        <v>44469.6794212963</v>
      </c>
      <c r="D174" s="1">
        <v>341</v>
      </c>
      <c r="E174" s="1">
        <v>13.08</v>
      </c>
      <c r="F174" s="1">
        <v>4460.28</v>
      </c>
      <c r="G174" s="1" t="s">
        <v>6</v>
      </c>
    </row>
    <row r="175" spans="2:7" x14ac:dyDescent="0.35">
      <c r="B175" s="16">
        <v>44469</v>
      </c>
      <c r="C175" s="15">
        <v>44469.683958333335</v>
      </c>
      <c r="D175" s="1">
        <v>340</v>
      </c>
      <c r="E175" s="1">
        <v>13.08</v>
      </c>
      <c r="F175" s="1">
        <v>4447.2</v>
      </c>
      <c r="G175" s="1" t="s">
        <v>6</v>
      </c>
    </row>
    <row r="176" spans="2:7" x14ac:dyDescent="0.35">
      <c r="B176" s="16">
        <v>44469</v>
      </c>
      <c r="C176" s="15">
        <v>44469.691851851851</v>
      </c>
      <c r="D176" s="1">
        <v>339</v>
      </c>
      <c r="E176" s="1">
        <v>13.02</v>
      </c>
      <c r="F176" s="1">
        <v>4413.78</v>
      </c>
      <c r="G176" s="1" t="s">
        <v>6</v>
      </c>
    </row>
    <row r="177" spans="2:7" x14ac:dyDescent="0.35">
      <c r="B177" s="16">
        <v>44469</v>
      </c>
      <c r="C177" s="15">
        <v>44469.693298611113</v>
      </c>
      <c r="D177" s="1">
        <v>208</v>
      </c>
      <c r="E177" s="1">
        <v>13.02</v>
      </c>
      <c r="F177" s="1">
        <v>2708.16</v>
      </c>
      <c r="G177" s="1" t="s">
        <v>6</v>
      </c>
    </row>
    <row r="178" spans="2:7" x14ac:dyDescent="0.35">
      <c r="B178" s="16">
        <v>44469</v>
      </c>
      <c r="C178" s="15">
        <v>44469.693298611113</v>
      </c>
      <c r="D178" s="1">
        <v>42</v>
      </c>
      <c r="E178" s="1">
        <v>13.02</v>
      </c>
      <c r="F178" s="1">
        <v>546.84</v>
      </c>
      <c r="G178" s="1" t="s">
        <v>6</v>
      </c>
    </row>
    <row r="179" spans="2:7" x14ac:dyDescent="0.35">
      <c r="B179" s="16">
        <v>44469</v>
      </c>
      <c r="C179" s="15">
        <v>44469.693298611113</v>
      </c>
      <c r="D179" s="1">
        <v>250</v>
      </c>
      <c r="E179" s="1">
        <v>13.02</v>
      </c>
      <c r="F179" s="1">
        <v>3255</v>
      </c>
      <c r="G179" s="1" t="s">
        <v>6</v>
      </c>
    </row>
    <row r="180" spans="2:7" x14ac:dyDescent="0.35">
      <c r="B180" s="16">
        <v>44469</v>
      </c>
      <c r="C180" s="15">
        <v>44469.693298611113</v>
      </c>
      <c r="D180" s="1">
        <v>250</v>
      </c>
      <c r="E180" s="1">
        <v>13.02</v>
      </c>
      <c r="F180" s="1">
        <v>3255</v>
      </c>
      <c r="G180" s="1" t="s">
        <v>6</v>
      </c>
    </row>
    <row r="181" spans="2:7" x14ac:dyDescent="0.35">
      <c r="B181" s="16">
        <v>44469</v>
      </c>
      <c r="C181" s="15">
        <v>44469.693298611113</v>
      </c>
      <c r="D181" s="1">
        <v>42</v>
      </c>
      <c r="E181" s="1">
        <v>13.02</v>
      </c>
      <c r="F181" s="1">
        <v>546.84</v>
      </c>
      <c r="G181" s="1" t="s">
        <v>6</v>
      </c>
    </row>
    <row r="182" spans="2:7" x14ac:dyDescent="0.35">
      <c r="B182" s="16">
        <v>44469</v>
      </c>
      <c r="C182" s="15">
        <v>44469.693298611113</v>
      </c>
      <c r="D182" s="1">
        <v>208</v>
      </c>
      <c r="E182" s="1">
        <v>13.02</v>
      </c>
      <c r="F182" s="1">
        <v>2708.16</v>
      </c>
      <c r="G182" s="1" t="s">
        <v>6</v>
      </c>
    </row>
    <row r="183" spans="2:7" x14ac:dyDescent="0.35">
      <c r="B183" s="16">
        <v>44469</v>
      </c>
      <c r="C183" s="15">
        <v>44469.697534722225</v>
      </c>
      <c r="D183" s="1">
        <v>98</v>
      </c>
      <c r="E183" s="1">
        <v>12.98</v>
      </c>
      <c r="F183" s="1">
        <v>1272.04</v>
      </c>
      <c r="G183" s="1" t="s">
        <v>6</v>
      </c>
    </row>
    <row r="184" spans="2:7" x14ac:dyDescent="0.35">
      <c r="B184" s="16">
        <v>44469</v>
      </c>
      <c r="C184" s="15">
        <v>44469.697534722225</v>
      </c>
      <c r="D184" s="1">
        <v>157</v>
      </c>
      <c r="E184" s="1">
        <v>12.98</v>
      </c>
      <c r="F184" s="1">
        <v>2037.8600000000001</v>
      </c>
      <c r="G184" s="1" t="s">
        <v>6</v>
      </c>
    </row>
    <row r="185" spans="2:7" x14ac:dyDescent="0.35">
      <c r="B185" s="16">
        <v>44469</v>
      </c>
      <c r="C185" s="15">
        <v>44469.69809027778</v>
      </c>
      <c r="D185" s="1">
        <v>73</v>
      </c>
      <c r="E185" s="1">
        <v>12.98</v>
      </c>
      <c r="F185" s="1">
        <v>947.54000000000008</v>
      </c>
      <c r="G185" s="1" t="s">
        <v>6</v>
      </c>
    </row>
    <row r="186" spans="2:7" x14ac:dyDescent="0.35">
      <c r="B186" s="16">
        <v>44469</v>
      </c>
      <c r="C186" s="15">
        <v>44469.701678240737</v>
      </c>
      <c r="D186" s="1">
        <v>315</v>
      </c>
      <c r="E186" s="1">
        <v>13</v>
      </c>
      <c r="F186" s="1">
        <v>4095</v>
      </c>
      <c r="G186" s="1" t="s">
        <v>6</v>
      </c>
    </row>
    <row r="187" spans="2:7" x14ac:dyDescent="0.35">
      <c r="B187" s="16">
        <v>44469</v>
      </c>
      <c r="C187" s="15">
        <v>44469.705775462964</v>
      </c>
      <c r="D187" s="1">
        <v>27</v>
      </c>
      <c r="E187" s="1">
        <v>12.98</v>
      </c>
      <c r="F187" s="1">
        <v>350.46000000000004</v>
      </c>
      <c r="G187" s="1" t="s">
        <v>6</v>
      </c>
    </row>
    <row r="188" spans="2:7" x14ac:dyDescent="0.35">
      <c r="B188" s="16">
        <v>44469</v>
      </c>
      <c r="C188" s="15">
        <v>44469.706412037034</v>
      </c>
      <c r="D188" s="1">
        <v>295</v>
      </c>
      <c r="E188" s="1">
        <v>12.98</v>
      </c>
      <c r="F188" s="1">
        <v>3829.1</v>
      </c>
      <c r="G188" s="1" t="s">
        <v>6</v>
      </c>
    </row>
    <row r="189" spans="2:7" x14ac:dyDescent="0.35">
      <c r="B189" s="16">
        <v>44469</v>
      </c>
      <c r="C189" s="15">
        <v>44469.712442129632</v>
      </c>
      <c r="D189" s="1">
        <v>233</v>
      </c>
      <c r="E189" s="1">
        <v>13</v>
      </c>
      <c r="F189" s="1">
        <v>3029</v>
      </c>
      <c r="G189" s="1" t="s">
        <v>6</v>
      </c>
    </row>
    <row r="190" spans="2:7" x14ac:dyDescent="0.35">
      <c r="B190" s="16">
        <v>44469</v>
      </c>
      <c r="C190" s="15">
        <v>44469.713229166664</v>
      </c>
      <c r="D190" s="1">
        <v>89</v>
      </c>
      <c r="E190" s="1">
        <v>13</v>
      </c>
      <c r="F190" s="1">
        <v>1157</v>
      </c>
      <c r="G190" s="1" t="s">
        <v>6</v>
      </c>
    </row>
    <row r="191" spans="2:7" x14ac:dyDescent="0.35">
      <c r="B191" s="16">
        <v>44469</v>
      </c>
      <c r="C191" s="15">
        <v>44469.720196759263</v>
      </c>
      <c r="D191" s="1">
        <v>337</v>
      </c>
      <c r="E191" s="1">
        <v>13.02</v>
      </c>
      <c r="F191" s="1">
        <v>4387.74</v>
      </c>
      <c r="G191" s="1" t="s">
        <v>6</v>
      </c>
    </row>
    <row r="192" spans="2:7" x14ac:dyDescent="0.35">
      <c r="B192" s="16">
        <v>44469</v>
      </c>
      <c r="C192" s="15">
        <v>44469.720196759263</v>
      </c>
      <c r="D192" s="1">
        <v>156</v>
      </c>
      <c r="E192" s="1">
        <v>13.02</v>
      </c>
      <c r="F192" s="1">
        <v>2031.12</v>
      </c>
      <c r="G192" s="1" t="s">
        <v>6</v>
      </c>
    </row>
    <row r="193" spans="2:7" x14ac:dyDescent="0.35">
      <c r="B193" s="16">
        <v>44469</v>
      </c>
      <c r="C193" s="15">
        <v>44469.720196759263</v>
      </c>
      <c r="D193" s="1">
        <v>33</v>
      </c>
      <c r="E193" s="1">
        <v>13.02</v>
      </c>
      <c r="F193" s="1">
        <v>429.65999999999997</v>
      </c>
      <c r="G193" s="1" t="s">
        <v>6</v>
      </c>
    </row>
    <row r="194" spans="2:7" x14ac:dyDescent="0.35">
      <c r="B194" s="16">
        <v>44469</v>
      </c>
      <c r="C194" s="15">
        <v>44469.720196759263</v>
      </c>
      <c r="D194" s="1">
        <v>79</v>
      </c>
      <c r="E194" s="1">
        <v>13.02</v>
      </c>
      <c r="F194" s="1">
        <v>1028.58</v>
      </c>
      <c r="G194" s="1" t="s">
        <v>6</v>
      </c>
    </row>
    <row r="195" spans="2:7" x14ac:dyDescent="0.35">
      <c r="B195" s="16">
        <v>44469</v>
      </c>
      <c r="C195" s="15">
        <v>44469.720196759263</v>
      </c>
      <c r="D195" s="1">
        <v>252</v>
      </c>
      <c r="E195" s="1">
        <v>13.02</v>
      </c>
      <c r="F195" s="1">
        <v>3281.04</v>
      </c>
      <c r="G195" s="1" t="s">
        <v>6</v>
      </c>
    </row>
    <row r="196" spans="2:7" x14ac:dyDescent="0.35">
      <c r="B196" s="16">
        <v>44470</v>
      </c>
      <c r="C196" s="15">
        <v>44470.378935185188</v>
      </c>
      <c r="D196" s="1">
        <v>458</v>
      </c>
      <c r="E196" s="1">
        <v>12.8</v>
      </c>
      <c r="F196" s="1">
        <v>5862.4000000000005</v>
      </c>
      <c r="G196" s="1" t="s">
        <v>6</v>
      </c>
    </row>
    <row r="197" spans="2:7" x14ac:dyDescent="0.35">
      <c r="B197" s="16">
        <v>44470</v>
      </c>
      <c r="C197" s="15">
        <v>44470.378935185188</v>
      </c>
      <c r="D197" s="1">
        <v>187</v>
      </c>
      <c r="E197" s="1">
        <v>12.8</v>
      </c>
      <c r="F197" s="1">
        <v>2393.6</v>
      </c>
      <c r="G197" s="1" t="s">
        <v>6</v>
      </c>
    </row>
    <row r="198" spans="2:7" x14ac:dyDescent="0.35">
      <c r="B198" s="16">
        <v>44470</v>
      </c>
      <c r="C198" s="15">
        <v>44470.383379629631</v>
      </c>
      <c r="D198" s="1">
        <v>312</v>
      </c>
      <c r="E198" s="1">
        <v>12.82</v>
      </c>
      <c r="F198" s="1">
        <v>3999.84</v>
      </c>
      <c r="G198" s="1" t="s">
        <v>6</v>
      </c>
    </row>
    <row r="199" spans="2:7" x14ac:dyDescent="0.35">
      <c r="B199" s="16">
        <v>44470</v>
      </c>
      <c r="C199" s="15">
        <v>44470.392002314817</v>
      </c>
      <c r="D199" s="1">
        <v>144</v>
      </c>
      <c r="E199" s="1">
        <v>12.9</v>
      </c>
      <c r="F199" s="1">
        <v>1857.6000000000001</v>
      </c>
      <c r="G199" s="1" t="s">
        <v>6</v>
      </c>
    </row>
    <row r="200" spans="2:7" x14ac:dyDescent="0.35">
      <c r="B200" s="16">
        <v>44470</v>
      </c>
      <c r="C200" s="15">
        <v>44470.392002314817</v>
      </c>
      <c r="D200" s="1">
        <v>210</v>
      </c>
      <c r="E200" s="1">
        <v>12.9</v>
      </c>
      <c r="F200" s="1">
        <v>2709</v>
      </c>
      <c r="G200" s="1" t="s">
        <v>6</v>
      </c>
    </row>
    <row r="201" spans="2:7" x14ac:dyDescent="0.35">
      <c r="B201" s="16">
        <v>44470</v>
      </c>
      <c r="C201" s="15">
        <v>44470.394918981481</v>
      </c>
      <c r="D201" s="1">
        <v>689</v>
      </c>
      <c r="E201" s="1">
        <v>12.96</v>
      </c>
      <c r="F201" s="1">
        <v>8929.44</v>
      </c>
      <c r="G201" s="1" t="s">
        <v>6</v>
      </c>
    </row>
    <row r="202" spans="2:7" x14ac:dyDescent="0.35">
      <c r="B202" s="16">
        <v>44470</v>
      </c>
      <c r="C202" s="15">
        <v>44470.411909722221</v>
      </c>
      <c r="D202" s="1">
        <v>227</v>
      </c>
      <c r="E202" s="1">
        <v>12.98</v>
      </c>
      <c r="F202" s="1">
        <v>2946.46</v>
      </c>
      <c r="G202" s="1" t="s">
        <v>6</v>
      </c>
    </row>
    <row r="203" spans="2:7" x14ac:dyDescent="0.35">
      <c r="B203" s="16">
        <v>44470</v>
      </c>
      <c r="C203" s="15">
        <v>44470.411909722221</v>
      </c>
      <c r="D203" s="1">
        <v>88</v>
      </c>
      <c r="E203" s="1">
        <v>12.98</v>
      </c>
      <c r="F203" s="1">
        <v>1142.24</v>
      </c>
      <c r="G203" s="1" t="s">
        <v>6</v>
      </c>
    </row>
    <row r="204" spans="2:7" x14ac:dyDescent="0.35">
      <c r="B204" s="16">
        <v>44470</v>
      </c>
      <c r="C204" s="15">
        <v>44470.4143287037</v>
      </c>
      <c r="D204" s="1">
        <v>309</v>
      </c>
      <c r="E204" s="1">
        <v>12.96</v>
      </c>
      <c r="F204" s="1">
        <v>4004.6400000000003</v>
      </c>
      <c r="G204" s="1" t="s">
        <v>6</v>
      </c>
    </row>
    <row r="205" spans="2:7" x14ac:dyDescent="0.35">
      <c r="B205" s="16">
        <v>44470</v>
      </c>
      <c r="C205" s="15">
        <v>44470.415636574071</v>
      </c>
      <c r="D205" s="1">
        <v>151</v>
      </c>
      <c r="E205" s="1">
        <v>12.96</v>
      </c>
      <c r="F205" s="1">
        <v>1956.96</v>
      </c>
      <c r="G205" s="1" t="s">
        <v>6</v>
      </c>
    </row>
    <row r="206" spans="2:7" x14ac:dyDescent="0.35">
      <c r="B206" s="16">
        <v>44470</v>
      </c>
      <c r="C206" s="15">
        <v>44470.415636574071</v>
      </c>
      <c r="D206" s="1">
        <v>238</v>
      </c>
      <c r="E206" s="1">
        <v>12.96</v>
      </c>
      <c r="F206" s="1">
        <v>3084.48</v>
      </c>
      <c r="G206" s="1" t="s">
        <v>6</v>
      </c>
    </row>
    <row r="207" spans="2:7" x14ac:dyDescent="0.35">
      <c r="B207" s="16">
        <v>44470</v>
      </c>
      <c r="C207" s="15">
        <v>44470.422534722224</v>
      </c>
      <c r="D207" s="1">
        <v>349</v>
      </c>
      <c r="E207" s="1">
        <v>12.96</v>
      </c>
      <c r="F207" s="1">
        <v>4523.04</v>
      </c>
      <c r="G207" s="1" t="s">
        <v>6</v>
      </c>
    </row>
    <row r="208" spans="2:7" x14ac:dyDescent="0.35">
      <c r="B208" s="16">
        <v>44470</v>
      </c>
      <c r="C208" s="15">
        <v>44470.441261574073</v>
      </c>
      <c r="D208" s="1">
        <v>5</v>
      </c>
      <c r="E208" s="1">
        <v>13</v>
      </c>
      <c r="F208" s="1">
        <v>65</v>
      </c>
      <c r="G208" s="1" t="s">
        <v>6</v>
      </c>
    </row>
    <row r="209" spans="2:7" x14ac:dyDescent="0.35">
      <c r="B209" s="16">
        <v>44470</v>
      </c>
      <c r="C209" s="15">
        <v>44470.441261574073</v>
      </c>
      <c r="D209" s="1">
        <v>122</v>
      </c>
      <c r="E209" s="1">
        <v>13</v>
      </c>
      <c r="F209" s="1">
        <v>1586</v>
      </c>
      <c r="G209" s="1" t="s">
        <v>6</v>
      </c>
    </row>
    <row r="210" spans="2:7" x14ac:dyDescent="0.35">
      <c r="B210" s="16">
        <v>44470</v>
      </c>
      <c r="C210" s="15">
        <v>44470.441261574073</v>
      </c>
      <c r="D210" s="1">
        <v>97</v>
      </c>
      <c r="E210" s="1">
        <v>13</v>
      </c>
      <c r="F210" s="1">
        <v>1261</v>
      </c>
      <c r="G210" s="1" t="s">
        <v>6</v>
      </c>
    </row>
    <row r="211" spans="2:7" x14ac:dyDescent="0.35">
      <c r="B211" s="16">
        <v>44470</v>
      </c>
      <c r="C211" s="15">
        <v>44470.441261574073</v>
      </c>
      <c r="D211" s="1">
        <v>93</v>
      </c>
      <c r="E211" s="1">
        <v>13</v>
      </c>
      <c r="F211" s="1">
        <v>1209</v>
      </c>
      <c r="G211" s="1" t="s">
        <v>6</v>
      </c>
    </row>
    <row r="212" spans="2:7" x14ac:dyDescent="0.35">
      <c r="B212" s="16">
        <v>44470</v>
      </c>
      <c r="C212" s="15">
        <v>44470.446631944447</v>
      </c>
      <c r="D212" s="1">
        <v>106</v>
      </c>
      <c r="E212" s="1">
        <v>13</v>
      </c>
      <c r="F212" s="1">
        <v>1378</v>
      </c>
      <c r="G212" s="1" t="s">
        <v>6</v>
      </c>
    </row>
    <row r="213" spans="2:7" x14ac:dyDescent="0.35">
      <c r="B213" s="16">
        <v>44470</v>
      </c>
      <c r="C213" s="15">
        <v>44470.446631944447</v>
      </c>
      <c r="D213" s="1">
        <v>210</v>
      </c>
      <c r="E213" s="1">
        <v>13</v>
      </c>
      <c r="F213" s="1">
        <v>2730</v>
      </c>
      <c r="G213" s="1" t="s">
        <v>6</v>
      </c>
    </row>
    <row r="214" spans="2:7" x14ac:dyDescent="0.35">
      <c r="B214" s="16">
        <v>44470</v>
      </c>
      <c r="C214" s="15">
        <v>44470.449606481481</v>
      </c>
      <c r="D214" s="1">
        <v>87</v>
      </c>
      <c r="E214" s="1">
        <v>12.96</v>
      </c>
      <c r="F214" s="1">
        <v>1127.52</v>
      </c>
      <c r="G214" s="1" t="s">
        <v>6</v>
      </c>
    </row>
    <row r="215" spans="2:7" x14ac:dyDescent="0.35">
      <c r="B215" s="16">
        <v>44470</v>
      </c>
      <c r="C215" s="15">
        <v>44470.449606481481</v>
      </c>
      <c r="D215" s="1">
        <v>211</v>
      </c>
      <c r="E215" s="1">
        <v>12.96</v>
      </c>
      <c r="F215" s="1">
        <v>2734.5600000000004</v>
      </c>
      <c r="G215" s="1" t="s">
        <v>6</v>
      </c>
    </row>
    <row r="216" spans="2:7" x14ac:dyDescent="0.35">
      <c r="B216" s="16">
        <v>44470</v>
      </c>
      <c r="C216" s="15">
        <v>44470.449606481481</v>
      </c>
      <c r="D216" s="1">
        <v>8</v>
      </c>
      <c r="E216" s="1">
        <v>12.96</v>
      </c>
      <c r="F216" s="1">
        <v>103.68</v>
      </c>
      <c r="G216" s="1" t="s">
        <v>6</v>
      </c>
    </row>
    <row r="217" spans="2:7" x14ac:dyDescent="0.35">
      <c r="B217" s="16">
        <v>44470</v>
      </c>
      <c r="C217" s="15">
        <v>44470.461631944447</v>
      </c>
      <c r="D217" s="1">
        <v>111</v>
      </c>
      <c r="E217" s="1">
        <v>13.02</v>
      </c>
      <c r="F217" s="1">
        <v>1445.22</v>
      </c>
      <c r="G217" s="1" t="s">
        <v>6</v>
      </c>
    </row>
    <row r="218" spans="2:7" x14ac:dyDescent="0.35">
      <c r="B218" s="16">
        <v>44470</v>
      </c>
      <c r="C218" s="15">
        <v>44470.461631944447</v>
      </c>
      <c r="D218" s="1">
        <v>220</v>
      </c>
      <c r="E218" s="1">
        <v>13.02</v>
      </c>
      <c r="F218" s="1">
        <v>2864.4</v>
      </c>
      <c r="G218" s="1" t="s">
        <v>6</v>
      </c>
    </row>
    <row r="219" spans="2:7" x14ac:dyDescent="0.35">
      <c r="B219" s="16">
        <v>44470</v>
      </c>
      <c r="C219" s="15">
        <v>44470.469224537039</v>
      </c>
      <c r="D219" s="1">
        <v>139</v>
      </c>
      <c r="E219" s="1">
        <v>13.1</v>
      </c>
      <c r="F219" s="1">
        <v>1820.8999999999999</v>
      </c>
      <c r="G219" s="1" t="s">
        <v>6</v>
      </c>
    </row>
    <row r="220" spans="2:7" x14ac:dyDescent="0.35">
      <c r="B220" s="16">
        <v>44470</v>
      </c>
      <c r="C220" s="15">
        <v>44470.469224537039</v>
      </c>
      <c r="D220" s="1">
        <v>179</v>
      </c>
      <c r="E220" s="1">
        <v>13.1</v>
      </c>
      <c r="F220" s="1">
        <v>2344.9</v>
      </c>
      <c r="G220" s="1" t="s">
        <v>6</v>
      </c>
    </row>
    <row r="221" spans="2:7" x14ac:dyDescent="0.35">
      <c r="B221" s="16">
        <v>44470</v>
      </c>
      <c r="C221" s="15">
        <v>44470.476967592593</v>
      </c>
      <c r="D221" s="1">
        <v>370</v>
      </c>
      <c r="E221" s="1">
        <v>13.08</v>
      </c>
      <c r="F221" s="1">
        <v>4839.6000000000004</v>
      </c>
      <c r="G221" s="1" t="s">
        <v>6</v>
      </c>
    </row>
    <row r="222" spans="2:7" x14ac:dyDescent="0.35">
      <c r="B222" s="16">
        <v>44470</v>
      </c>
      <c r="C222" s="15">
        <v>44470.476967592593</v>
      </c>
      <c r="D222" s="1">
        <v>275</v>
      </c>
      <c r="E222" s="1">
        <v>13.1</v>
      </c>
      <c r="F222" s="1">
        <v>3602.5</v>
      </c>
      <c r="G222" s="1" t="s">
        <v>6</v>
      </c>
    </row>
    <row r="223" spans="2:7" x14ac:dyDescent="0.35">
      <c r="B223" s="16">
        <v>44470</v>
      </c>
      <c r="C223" s="15">
        <v>44470.476967592593</v>
      </c>
      <c r="D223" s="1">
        <v>72</v>
      </c>
      <c r="E223" s="1">
        <v>13.1</v>
      </c>
      <c r="F223" s="1">
        <v>943.19999999999993</v>
      </c>
      <c r="G223" s="1" t="s">
        <v>6</v>
      </c>
    </row>
    <row r="224" spans="2:7" x14ac:dyDescent="0.35">
      <c r="B224" s="16">
        <v>44470</v>
      </c>
      <c r="C224" s="15">
        <v>44470.482581018521</v>
      </c>
      <c r="D224" s="1">
        <v>457</v>
      </c>
      <c r="E224" s="1">
        <v>13.1</v>
      </c>
      <c r="F224" s="1">
        <v>5986.7</v>
      </c>
      <c r="G224" s="1" t="s">
        <v>6</v>
      </c>
    </row>
    <row r="225" spans="2:7" x14ac:dyDescent="0.35">
      <c r="B225" s="16">
        <v>44470</v>
      </c>
      <c r="C225" s="15">
        <v>44470.491226851853</v>
      </c>
      <c r="D225" s="1">
        <v>319</v>
      </c>
      <c r="E225" s="1">
        <v>13.14</v>
      </c>
      <c r="F225" s="1">
        <v>4191.66</v>
      </c>
      <c r="G225" s="1" t="s">
        <v>6</v>
      </c>
    </row>
    <row r="226" spans="2:7" x14ac:dyDescent="0.35">
      <c r="B226" s="16">
        <v>44470</v>
      </c>
      <c r="C226" s="15">
        <v>44470.501585648148</v>
      </c>
      <c r="D226" s="1">
        <v>214</v>
      </c>
      <c r="E226" s="1">
        <v>13.18</v>
      </c>
      <c r="F226" s="1">
        <v>2820.52</v>
      </c>
      <c r="G226" s="1" t="s">
        <v>6</v>
      </c>
    </row>
    <row r="227" spans="2:7" x14ac:dyDescent="0.35">
      <c r="B227" s="16">
        <v>44470</v>
      </c>
      <c r="C227" s="15">
        <v>44470.501585648148</v>
      </c>
      <c r="D227" s="1">
        <v>94</v>
      </c>
      <c r="E227" s="1">
        <v>13.18</v>
      </c>
      <c r="F227" s="1">
        <v>1238.92</v>
      </c>
      <c r="G227" s="1" t="s">
        <v>6</v>
      </c>
    </row>
    <row r="228" spans="2:7" x14ac:dyDescent="0.35">
      <c r="B228" s="16">
        <v>44470</v>
      </c>
      <c r="C228" s="15">
        <v>44470.501585648148</v>
      </c>
      <c r="D228" s="1">
        <v>28</v>
      </c>
      <c r="E228" s="1">
        <v>13.18</v>
      </c>
      <c r="F228" s="1">
        <v>369.03999999999996</v>
      </c>
      <c r="G228" s="1" t="s">
        <v>6</v>
      </c>
    </row>
    <row r="229" spans="2:7" x14ac:dyDescent="0.35">
      <c r="B229" s="16">
        <v>44470</v>
      </c>
      <c r="C229" s="15">
        <v>44470.509351851855</v>
      </c>
      <c r="D229" s="1">
        <v>327</v>
      </c>
      <c r="E229" s="1">
        <v>13.16</v>
      </c>
      <c r="F229" s="1">
        <v>4303.32</v>
      </c>
      <c r="G229" s="1" t="s">
        <v>6</v>
      </c>
    </row>
    <row r="230" spans="2:7" x14ac:dyDescent="0.35">
      <c r="B230" s="16">
        <v>44470</v>
      </c>
      <c r="C230" s="15">
        <v>44470.531655092593</v>
      </c>
      <c r="D230" s="1">
        <v>177</v>
      </c>
      <c r="E230" s="1">
        <v>13.24</v>
      </c>
      <c r="F230" s="1">
        <v>2343.48</v>
      </c>
      <c r="G230" s="1" t="s">
        <v>6</v>
      </c>
    </row>
    <row r="231" spans="2:7" x14ac:dyDescent="0.35">
      <c r="B231" s="16">
        <v>44470</v>
      </c>
      <c r="C231" s="15">
        <v>44470.531655092593</v>
      </c>
      <c r="D231" s="1">
        <v>763</v>
      </c>
      <c r="E231" s="1">
        <v>13.24</v>
      </c>
      <c r="F231" s="1">
        <v>10102.120000000001</v>
      </c>
      <c r="G231" s="1" t="s">
        <v>6</v>
      </c>
    </row>
    <row r="232" spans="2:7" x14ac:dyDescent="0.35">
      <c r="B232" s="16">
        <v>44470</v>
      </c>
      <c r="C232" s="15">
        <v>44470.540497685186</v>
      </c>
      <c r="D232" s="1">
        <v>140</v>
      </c>
      <c r="E232" s="1">
        <v>13.2</v>
      </c>
      <c r="F232" s="1">
        <v>1848</v>
      </c>
      <c r="G232" s="1" t="s">
        <v>6</v>
      </c>
    </row>
    <row r="233" spans="2:7" x14ac:dyDescent="0.35">
      <c r="B233" s="16">
        <v>44470</v>
      </c>
      <c r="C233" s="15">
        <v>44470.540497685186</v>
      </c>
      <c r="D233" s="1">
        <v>200</v>
      </c>
      <c r="E233" s="1">
        <v>13.2</v>
      </c>
      <c r="F233" s="1">
        <v>2640</v>
      </c>
      <c r="G233" s="1" t="s">
        <v>6</v>
      </c>
    </row>
    <row r="234" spans="2:7" x14ac:dyDescent="0.35">
      <c r="B234" s="16">
        <v>44470</v>
      </c>
      <c r="C234" s="15">
        <v>44470.57309027778</v>
      </c>
      <c r="D234" s="1">
        <v>306</v>
      </c>
      <c r="E234" s="1">
        <v>13.22</v>
      </c>
      <c r="F234" s="1">
        <v>4045.32</v>
      </c>
      <c r="G234" s="1" t="s">
        <v>6</v>
      </c>
    </row>
    <row r="235" spans="2:7" x14ac:dyDescent="0.35">
      <c r="B235" s="16">
        <v>44470</v>
      </c>
      <c r="C235" s="15">
        <v>44470.58079861111</v>
      </c>
      <c r="D235" s="1">
        <v>136</v>
      </c>
      <c r="E235" s="1">
        <v>13.24</v>
      </c>
      <c r="F235" s="1">
        <v>1800.64</v>
      </c>
      <c r="G235" s="1" t="s">
        <v>6</v>
      </c>
    </row>
    <row r="236" spans="2:7" x14ac:dyDescent="0.35">
      <c r="B236" s="16">
        <v>44470</v>
      </c>
      <c r="C236" s="15">
        <v>44470.58079861111</v>
      </c>
      <c r="D236" s="1">
        <v>368</v>
      </c>
      <c r="E236" s="1">
        <v>13.24</v>
      </c>
      <c r="F236" s="1">
        <v>4872.32</v>
      </c>
      <c r="G236" s="1" t="s">
        <v>6</v>
      </c>
    </row>
    <row r="237" spans="2:7" x14ac:dyDescent="0.35">
      <c r="B237" s="16">
        <v>44470</v>
      </c>
      <c r="C237" s="15">
        <v>44470.58079861111</v>
      </c>
      <c r="D237" s="1">
        <v>368</v>
      </c>
      <c r="E237" s="1">
        <v>13.24</v>
      </c>
      <c r="F237" s="1">
        <v>4872.32</v>
      </c>
      <c r="G237" s="1" t="s">
        <v>6</v>
      </c>
    </row>
    <row r="238" spans="2:7" x14ac:dyDescent="0.35">
      <c r="B238" s="16">
        <v>44470</v>
      </c>
      <c r="C238" s="15">
        <v>44470.591423611113</v>
      </c>
      <c r="D238" s="1">
        <v>136</v>
      </c>
      <c r="E238" s="1">
        <v>13.22</v>
      </c>
      <c r="F238" s="1">
        <v>1797.92</v>
      </c>
      <c r="G238" s="1" t="s">
        <v>6</v>
      </c>
    </row>
    <row r="239" spans="2:7" x14ac:dyDescent="0.35">
      <c r="B239" s="16">
        <v>44470</v>
      </c>
      <c r="C239" s="15">
        <v>44470.605567129627</v>
      </c>
      <c r="D239" s="1">
        <v>891</v>
      </c>
      <c r="E239" s="1">
        <v>13.26</v>
      </c>
      <c r="F239" s="1">
        <v>11814.66</v>
      </c>
      <c r="G239" s="1" t="s">
        <v>6</v>
      </c>
    </row>
    <row r="240" spans="2:7" x14ac:dyDescent="0.35">
      <c r="B240" s="16">
        <v>44470</v>
      </c>
      <c r="C240" s="15">
        <v>44470.615914351853</v>
      </c>
      <c r="D240" s="1">
        <v>336</v>
      </c>
      <c r="E240" s="1">
        <v>13.22</v>
      </c>
      <c r="F240" s="1">
        <v>4441.92</v>
      </c>
      <c r="G240" s="1" t="s">
        <v>6</v>
      </c>
    </row>
    <row r="241" spans="2:7" x14ac:dyDescent="0.35">
      <c r="B241" s="16">
        <v>44470</v>
      </c>
      <c r="C241" s="15">
        <v>44470.637673611112</v>
      </c>
      <c r="D241" s="1">
        <v>14</v>
      </c>
      <c r="E241" s="1">
        <v>13.24</v>
      </c>
      <c r="F241" s="1">
        <v>185.36</v>
      </c>
      <c r="G241" s="1" t="s">
        <v>6</v>
      </c>
    </row>
    <row r="242" spans="2:7" x14ac:dyDescent="0.35">
      <c r="B242" s="16">
        <v>44470</v>
      </c>
      <c r="C242" s="15">
        <v>44470.637673611112</v>
      </c>
      <c r="D242" s="1">
        <v>310</v>
      </c>
      <c r="E242" s="1">
        <v>13.24</v>
      </c>
      <c r="F242" s="1">
        <v>4104.3999999999996</v>
      </c>
      <c r="G242" s="1" t="s">
        <v>6</v>
      </c>
    </row>
    <row r="243" spans="2:7" x14ac:dyDescent="0.35">
      <c r="B243" s="16">
        <v>44470</v>
      </c>
      <c r="C243" s="15">
        <v>44470.637685185182</v>
      </c>
      <c r="D243" s="1">
        <v>8</v>
      </c>
      <c r="E243" s="1">
        <v>13.22</v>
      </c>
      <c r="F243" s="1">
        <v>105.76</v>
      </c>
      <c r="G243" s="1" t="s">
        <v>6</v>
      </c>
    </row>
    <row r="244" spans="2:7" x14ac:dyDescent="0.35">
      <c r="B244" s="16">
        <v>44470</v>
      </c>
      <c r="C244" s="15">
        <v>44470.637685185182</v>
      </c>
      <c r="D244" s="1">
        <v>359</v>
      </c>
      <c r="E244" s="1">
        <v>13.22</v>
      </c>
      <c r="F244" s="1">
        <v>4745.9800000000005</v>
      </c>
      <c r="G244" s="1" t="s">
        <v>6</v>
      </c>
    </row>
    <row r="245" spans="2:7" x14ac:dyDescent="0.35">
      <c r="B245" s="16">
        <v>44470</v>
      </c>
      <c r="C245" s="15">
        <v>44470.637685185182</v>
      </c>
      <c r="D245" s="1">
        <v>634</v>
      </c>
      <c r="E245" s="1">
        <v>13.22</v>
      </c>
      <c r="F245" s="1">
        <v>8381.48</v>
      </c>
      <c r="G245" s="1" t="s">
        <v>6</v>
      </c>
    </row>
    <row r="246" spans="2:7" x14ac:dyDescent="0.35">
      <c r="B246" s="16">
        <v>44470</v>
      </c>
      <c r="C246" s="15">
        <v>44470.653993055559</v>
      </c>
      <c r="D246" s="1">
        <v>326</v>
      </c>
      <c r="E246" s="1">
        <v>13.2</v>
      </c>
      <c r="F246" s="1">
        <v>4303.2</v>
      </c>
      <c r="G246" s="1" t="s">
        <v>6</v>
      </c>
    </row>
    <row r="247" spans="2:7" x14ac:dyDescent="0.35">
      <c r="B247" s="16">
        <v>44470</v>
      </c>
      <c r="C247" s="15">
        <v>44470.653993055559</v>
      </c>
      <c r="D247" s="1">
        <v>311</v>
      </c>
      <c r="E247" s="1">
        <v>13.2</v>
      </c>
      <c r="F247" s="1">
        <v>4105.2</v>
      </c>
      <c r="G247" s="1" t="s">
        <v>6</v>
      </c>
    </row>
    <row r="248" spans="2:7" x14ac:dyDescent="0.35">
      <c r="B248" s="16">
        <v>44470</v>
      </c>
      <c r="C248" s="15">
        <v>44470.664560185185</v>
      </c>
      <c r="D248" s="1">
        <v>548</v>
      </c>
      <c r="E248" s="1">
        <v>13.22</v>
      </c>
      <c r="F248" s="1">
        <v>7244.56</v>
      </c>
      <c r="G248" s="1" t="s">
        <v>6</v>
      </c>
    </row>
    <row r="249" spans="2:7" x14ac:dyDescent="0.35">
      <c r="B249" s="16">
        <v>44470</v>
      </c>
      <c r="C249" s="15">
        <v>44470.664594907408</v>
      </c>
      <c r="D249" s="1">
        <v>33</v>
      </c>
      <c r="E249" s="1">
        <v>13.22</v>
      </c>
      <c r="F249" s="1">
        <v>436.26000000000005</v>
      </c>
      <c r="G249" s="1" t="s">
        <v>6</v>
      </c>
    </row>
    <row r="250" spans="2:7" x14ac:dyDescent="0.35">
      <c r="B250" s="16">
        <v>44470</v>
      </c>
      <c r="C250" s="15">
        <v>44470.668506944443</v>
      </c>
      <c r="D250" s="1">
        <v>305</v>
      </c>
      <c r="E250" s="1">
        <v>13.26</v>
      </c>
      <c r="F250" s="1">
        <v>4044.2999999999997</v>
      </c>
      <c r="G250" s="1" t="s">
        <v>6</v>
      </c>
    </row>
    <row r="251" spans="2:7" x14ac:dyDescent="0.35">
      <c r="B251" s="16">
        <v>44470</v>
      </c>
      <c r="C251" s="15">
        <v>44470.674386574072</v>
      </c>
      <c r="D251" s="1">
        <v>336</v>
      </c>
      <c r="E251" s="1">
        <v>13.3</v>
      </c>
      <c r="F251" s="1">
        <v>4468.8</v>
      </c>
      <c r="G251" s="1" t="s">
        <v>6</v>
      </c>
    </row>
    <row r="252" spans="2:7" x14ac:dyDescent="0.35">
      <c r="B252" s="16">
        <v>44470</v>
      </c>
      <c r="C252" s="15">
        <v>44470.68886574074</v>
      </c>
      <c r="D252" s="1">
        <v>132</v>
      </c>
      <c r="E252" s="1">
        <v>13.28</v>
      </c>
      <c r="F252" s="1">
        <v>1752.9599999999998</v>
      </c>
      <c r="G252" s="1" t="s">
        <v>6</v>
      </c>
    </row>
    <row r="253" spans="2:7" x14ac:dyDescent="0.35">
      <c r="B253" s="16">
        <v>44470</v>
      </c>
      <c r="C253" s="15">
        <v>44470.68886574074</v>
      </c>
      <c r="D253" s="1">
        <v>257</v>
      </c>
      <c r="E253" s="1">
        <v>13.28</v>
      </c>
      <c r="F253" s="1">
        <v>3412.96</v>
      </c>
      <c r="G253" s="1" t="s">
        <v>6</v>
      </c>
    </row>
  </sheetData>
  <mergeCells count="2">
    <mergeCell ref="A2:G2"/>
    <mergeCell ref="B10:G10"/>
  </mergeCells>
  <pageMargins left="0.7" right="0.7" top="0.75" bottom="0.75" header="0.3" footer="0.3"/>
  <pageSetup paperSize="9" orientation="portrait" r:id="rId1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4A386D95FE726428AF46A27F5B1143C" ma:contentTypeVersion="6" ma:contentTypeDescription="Create a new document." ma:contentTypeScope="" ma:versionID="46cee3b5d1d1d1f36baeaafeac60c87d">
  <xsd:schema xmlns:xsd="http://www.w3.org/2001/XMLSchema" xmlns:xs="http://www.w3.org/2001/XMLSchema" xmlns:p="http://schemas.microsoft.com/office/2006/metadata/properties" xmlns:ns2="3d1feab5-f256-4fcc-9db5-b19a23e0dd55" xmlns:ns3="dc60ad8b-f201-4e47-bdf9-061738efa40e" targetNamespace="http://schemas.microsoft.com/office/2006/metadata/properties" ma:root="true" ma:fieldsID="1296835fd4a47fe1c8a49ec0d168844b" ns2:_="" ns3:_="">
    <xsd:import namespace="3d1feab5-f256-4fcc-9db5-b19a23e0dd55"/>
    <xsd:import namespace="dc60ad8b-f201-4e47-bdf9-061738efa40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d1feab5-f256-4fcc-9db5-b19a23e0dd5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c60ad8b-f201-4e47-bdf9-061738efa40e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8D63C7A-A0CF-493F-93B3-63F3E8DADF35}">
  <ds:schemaRefs>
    <ds:schemaRef ds:uri="http://schemas.microsoft.com/office/infopath/2007/PartnerControls"/>
    <ds:schemaRef ds:uri="http://purl.org/dc/terms/"/>
    <ds:schemaRef ds:uri="http://schemas.microsoft.com/office/2006/documentManagement/types"/>
    <ds:schemaRef ds:uri="dc60ad8b-f201-4e47-bdf9-061738efa40e"/>
    <ds:schemaRef ds:uri="http://purl.org/dc/elements/1.1/"/>
    <ds:schemaRef ds:uri="3d1feab5-f256-4fcc-9db5-b19a23e0dd55"/>
    <ds:schemaRef ds:uri="http://purl.org/dc/dcmitype/"/>
    <ds:schemaRef ds:uri="http://schemas.openxmlformats.org/package/2006/metadata/core-properties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DDCFD199-2B0F-4853-8EB2-BC936014F55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35D3251-9E98-40A1-9617-6AA55172F0D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d1feab5-f256-4fcc-9db5-b19a23e0dd55"/>
    <ds:schemaRef ds:uri="dc60ad8b-f201-4e47-bdf9-061738efa40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Weekly Summary</vt:lpstr>
      <vt:lpstr>Daily Summary</vt:lpstr>
      <vt:lpstr>1 Nov - 5 Nov 2021</vt:lpstr>
      <vt:lpstr>25 Oct - 29 Oct 2021</vt:lpstr>
      <vt:lpstr>18 Oct - 22 Oct 2021</vt:lpstr>
      <vt:lpstr>11 Oct - 15 Oct 2021</vt:lpstr>
      <vt:lpstr>4 Oct - 8 Oct 2021</vt:lpstr>
      <vt:lpstr>28 Sep - 1 Oct 2021</vt:lpstr>
    </vt:vector>
  </TitlesOfParts>
  <Company>ABN AMRO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BN AMRO CIB - WORKBOOK</dc:title>
  <dc:subject>ABN AMRO CIB - WORKBOOK</dc:subject>
  <dc:description>Version May 2017</dc:description>
  <cp:lastModifiedBy>Michiel de Jonge</cp:lastModifiedBy>
  <dcterms:created xsi:type="dcterms:W3CDTF">2016-10-13T08:14:41Z</dcterms:created>
  <dcterms:modified xsi:type="dcterms:W3CDTF">2021-11-05T18:23:39Z</dcterms:modified>
  <cp:category>Corporate Identity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42ffcf47-be15-40bf-818d-0da39af9f75a_Enabled">
    <vt:lpwstr>true</vt:lpwstr>
  </property>
  <property fmtid="{D5CDD505-2E9C-101B-9397-08002B2CF9AE}" pid="3" name="MSIP_Label_42ffcf47-be15-40bf-818d-0da39af9f75a_SetDate">
    <vt:lpwstr>2021-09-30T10:42:21Z</vt:lpwstr>
  </property>
  <property fmtid="{D5CDD505-2E9C-101B-9397-08002B2CF9AE}" pid="4" name="MSIP_Label_42ffcf47-be15-40bf-818d-0da39af9f75a_Method">
    <vt:lpwstr>Privileged</vt:lpwstr>
  </property>
  <property fmtid="{D5CDD505-2E9C-101B-9397-08002B2CF9AE}" pid="5" name="MSIP_Label_42ffcf47-be15-40bf-818d-0da39af9f75a_Name">
    <vt:lpwstr>42ffcf47-be15-40bf-818d-0da39af9f75a</vt:lpwstr>
  </property>
  <property fmtid="{D5CDD505-2E9C-101B-9397-08002B2CF9AE}" pid="6" name="MSIP_Label_42ffcf47-be15-40bf-818d-0da39af9f75a_SiteId">
    <vt:lpwstr>3a15904d-3fd9-4256-a753-beb05cdf0c6d</vt:lpwstr>
  </property>
  <property fmtid="{D5CDD505-2E9C-101B-9397-08002B2CF9AE}" pid="7" name="MSIP_Label_42ffcf47-be15-40bf-818d-0da39af9f75a_ActionId">
    <vt:lpwstr>c0cab2d6-3c18-4110-889e-a66d59b2f653</vt:lpwstr>
  </property>
  <property fmtid="{D5CDD505-2E9C-101B-9397-08002B2CF9AE}" pid="8" name="MSIP_Label_42ffcf47-be15-40bf-818d-0da39af9f75a_ContentBits">
    <vt:lpwstr>0</vt:lpwstr>
  </property>
  <property fmtid="{D5CDD505-2E9C-101B-9397-08002B2CF9AE}" pid="9" name="ContentTypeId">
    <vt:lpwstr>0x010100F4A386D95FE726428AF46A27F5B1143C</vt:lpwstr>
  </property>
</Properties>
</file>